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18"/>
  </p:sldMasterIdLst>
  <p:notesMasterIdLst>
    <p:notesMasterId r:id="rId25"/>
  </p:notesMasterIdLst>
  <p:handoutMasterIdLst>
    <p:handoutMasterId r:id="rId26"/>
  </p:handoutMasterIdLst>
  <p:sldIdLst>
    <p:sldId id="355" r:id="rId19"/>
    <p:sldId id="333" r:id="rId20"/>
    <p:sldId id="356" r:id="rId21"/>
    <p:sldId id="357" r:id="rId22"/>
    <p:sldId id="358" r:id="rId23"/>
    <p:sldId id="359" r:id="rId24"/>
  </p:sldIdLst>
  <p:sldSz cx="12192000" cy="6858000"/>
  <p:notesSz cx="6858000" cy="9144000"/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0000"/>
    <a:srgbClr val="FFC4BC"/>
    <a:srgbClr val="F0BFC3"/>
    <a:srgbClr val="BAC1C6"/>
    <a:srgbClr val="C11C2E"/>
    <a:srgbClr val="FF2600"/>
    <a:srgbClr val="DE7F85"/>
    <a:srgbClr val="193041"/>
    <a:srgbClr val="475967"/>
    <a:srgbClr val="A3AAB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5202B0CA-FC54-4496-8BCA-5EF66A818D29}" styleName="Dunkle Formatvorlage 2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dk1">
              <a:tint val="20000"/>
            </a:schemeClr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87" autoAdjust="0"/>
    <p:restoredTop sz="94609"/>
  </p:normalViewPr>
  <p:slideViewPr>
    <p:cSldViewPr snapToGrid="0" snapToObjects="1">
      <p:cViewPr varScale="1">
        <p:scale>
          <a:sx n="162" d="100"/>
          <a:sy n="162" d="100"/>
        </p:scale>
        <p:origin x="1434" y="14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66" d="100"/>
        <a:sy n="66" d="100"/>
      </p:scale>
      <p:origin x="0" y="0"/>
    </p:cViewPr>
  </p:sorterViewPr>
  <p:notesViewPr>
    <p:cSldViewPr snapToGrid="0" snapToObjects="1" showGuides="1">
      <p:cViewPr varScale="1">
        <p:scale>
          <a:sx n="163" d="100"/>
          <a:sy n="163" d="100"/>
        </p:scale>
        <p:origin x="3208" y="2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3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2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6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Kopfzeilenplatzhalter 1">
            <a:extLst>
              <a:ext uri="{FF2B5EF4-FFF2-40B4-BE49-F238E27FC236}">
                <a16:creationId xmlns:a16="http://schemas.microsoft.com/office/drawing/2014/main" id="{0250CA31-A8C3-5944-95CA-B5715A1881FD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DE"/>
          </a:p>
        </p:txBody>
      </p:sp>
      <p:sp>
        <p:nvSpPr>
          <p:cNvPr id="4" name="Fußzeilenplatzhalter 3">
            <a:extLst>
              <a:ext uri="{FF2B5EF4-FFF2-40B4-BE49-F238E27FC236}">
                <a16:creationId xmlns:a16="http://schemas.microsoft.com/office/drawing/2014/main" id="{8F5E2C9F-CD63-4C46-8031-4579681F1B5B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DE"/>
          </a:p>
        </p:txBody>
      </p:sp>
      <p:sp>
        <p:nvSpPr>
          <p:cNvPr id="5" name="Foliennummernplatzhalter 4">
            <a:extLst>
              <a:ext uri="{FF2B5EF4-FFF2-40B4-BE49-F238E27FC236}">
                <a16:creationId xmlns:a16="http://schemas.microsoft.com/office/drawing/2014/main" id="{EF2F3F7E-875D-5F46-B0AA-D7A117E3AE4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E4FCBDD-4A95-6443-BE31-12135A6C47E9}" type="slidenum">
              <a:rPr lang="de-DE" smtClean="0"/>
              <a:t>‹Nr.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90222156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Kopfzeilenplatzhalt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 b="0" i="0">
                <a:latin typeface="MetaPro-Light" panose="020B0504030101020102" pitchFamily="34" charset="0"/>
              </a:defRPr>
            </a:lvl1pPr>
          </a:lstStyle>
          <a:p>
            <a:endParaRPr lang="de-DE"/>
          </a:p>
        </p:txBody>
      </p:sp>
      <p:sp>
        <p:nvSpPr>
          <p:cNvPr id="3" name="Datumsplatzhalt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 b="0" i="0">
                <a:latin typeface="MetaPro-Light" panose="020B0504030101020102" pitchFamily="34" charset="0"/>
              </a:defRPr>
            </a:lvl1pPr>
          </a:lstStyle>
          <a:p>
            <a:fld id="{69814080-BEC1-EA46-87AD-969F31CF38EA}" type="datetimeFigureOut">
              <a:rPr lang="de-DE" smtClean="0"/>
              <a:pPr/>
              <a:t>31.10.2023</a:t>
            </a:fld>
            <a:endParaRPr lang="de-DE"/>
          </a:p>
        </p:txBody>
      </p:sp>
      <p:sp>
        <p:nvSpPr>
          <p:cNvPr id="4" name="Folienbildplatzhalt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izenplatzhal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r>
              <a:rPr lang="de-DE"/>
              <a:t>Mastertextformat bearbeiten
Zweite Ebene
Dritte Ebene
Vierte Ebene
Fünfte Ebene</a:t>
            </a:r>
          </a:p>
        </p:txBody>
      </p:sp>
      <p:sp>
        <p:nvSpPr>
          <p:cNvPr id="6" name="Fußzeilenplatzhalt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 b="0" i="0">
                <a:latin typeface="MetaPro-Light" panose="020B0504030101020102" pitchFamily="34" charset="0"/>
              </a:defRPr>
            </a:lvl1pPr>
          </a:lstStyle>
          <a:p>
            <a:endParaRPr lang="de-DE"/>
          </a:p>
        </p:txBody>
      </p:sp>
      <p:sp>
        <p:nvSpPr>
          <p:cNvPr id="7" name="Foliennummernplatzhalt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 b="0" i="0">
                <a:latin typeface="MetaPro-Light" panose="020B0504030101020102" pitchFamily="34" charset="0"/>
              </a:defRPr>
            </a:lvl1pPr>
          </a:lstStyle>
          <a:p>
            <a:fld id="{0520CD2B-B164-7D49-9CB9-816E6D54F176}" type="slidenum">
              <a:rPr lang="de-DE" smtClean="0"/>
              <a:pPr/>
              <a:t>‹Nr.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201975686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b="0" i="0" kern="1200">
        <a:solidFill>
          <a:schemeClr val="tx1"/>
        </a:solidFill>
        <a:latin typeface="MetaPro-Light" panose="020B0504030101020102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PT Titel 1 – Logo ohne Unterlä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1950F52A-C624-4C01-8B3A-448B098393E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5868084" y="0"/>
            <a:ext cx="6323917" cy="6318000"/>
          </a:xfrm>
          <a:custGeom>
            <a:avLst/>
            <a:gdLst>
              <a:gd name="connsiteX0" fmla="*/ 2305278 w 6323917"/>
              <a:gd name="connsiteY0" fmla="*/ 0 h 6318000"/>
              <a:gd name="connsiteX1" fmla="*/ 6323917 w 6323917"/>
              <a:gd name="connsiteY1" fmla="*/ 0 h 6318000"/>
              <a:gd name="connsiteX2" fmla="*/ 6323917 w 6323917"/>
              <a:gd name="connsiteY2" fmla="*/ 6318000 h 6318000"/>
              <a:gd name="connsiteX3" fmla="*/ 0 w 6323917"/>
              <a:gd name="connsiteY3" fmla="*/ 6318000 h 6318000"/>
              <a:gd name="connsiteX4" fmla="*/ 51721 w 6323917"/>
              <a:gd name="connsiteY4" fmla="*/ 6176118 h 6318000"/>
              <a:gd name="connsiteX5" fmla="*/ 2305278 w 6323917"/>
              <a:gd name="connsiteY5" fmla="*/ 0 h 631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6323917" h="6318000">
                <a:moveTo>
                  <a:pt x="2305278" y="0"/>
                </a:moveTo>
                <a:lnTo>
                  <a:pt x="6323917" y="0"/>
                </a:lnTo>
                <a:lnTo>
                  <a:pt x="6323917" y="6318000"/>
                </a:lnTo>
                <a:lnTo>
                  <a:pt x="0" y="6318000"/>
                </a:lnTo>
                <a:lnTo>
                  <a:pt x="51721" y="6176118"/>
                </a:lnTo>
                <a:cubicBezTo>
                  <a:pt x="927931" y="3772196"/>
                  <a:pt x="2297588" y="5768"/>
                  <a:pt x="2305278" y="0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 anchorCtr="0">
            <a:noAutofit/>
          </a:bodyPr>
          <a:lstStyle>
            <a:lvl1pPr marL="0" indent="0" algn="ctr">
              <a:buNone/>
              <a:defRPr sz="900" b="0" i="0">
                <a:solidFill>
                  <a:srgbClr val="FF2600"/>
                </a:solidFill>
                <a:latin typeface="+mn-lt"/>
              </a:defRPr>
            </a:lvl1pPr>
          </a:lstStyle>
          <a:p>
            <a:r>
              <a:rPr lang="de-DE" dirty="0"/>
              <a:t>Hier kann ein Titelbild eingefügt werden</a:t>
            </a:r>
          </a:p>
        </p:txBody>
      </p:sp>
      <p:pic>
        <p:nvPicPr>
          <p:cNvPr id="10" name="Grafik 9">
            <a:extLst>
              <a:ext uri="{FF2B5EF4-FFF2-40B4-BE49-F238E27FC236}">
                <a16:creationId xmlns:a16="http://schemas.microsoft.com/office/drawing/2014/main" id="{B0155B42-DFAB-4349-866F-1DF030FFFFC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1" name="Textplatzhalter 3">
            <a:extLst>
              <a:ext uri="{FF2B5EF4-FFF2-40B4-BE49-F238E27FC236}">
                <a16:creationId xmlns:a16="http://schemas.microsoft.com/office/drawing/2014/main" id="{EFF78362-4EE8-704F-891B-AB5019E3648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08800" y="6407999"/>
            <a:ext cx="3600000" cy="360000"/>
          </a:xfrm>
          <a:prstGeom prst="rect">
            <a:avLst/>
          </a:prstGeom>
        </p:spPr>
        <p:txBody>
          <a:bodyPr anchor="ctr" anchorCtr="0"/>
          <a:lstStyle>
            <a:lvl1pPr marL="0" indent="0">
              <a:lnSpc>
                <a:spcPct val="100000"/>
              </a:lnSpc>
              <a:buNone/>
              <a:defRPr sz="1200" b="0" i="0">
                <a:latin typeface="+mn-lt"/>
              </a:defRPr>
            </a:lvl1pPr>
          </a:lstStyle>
          <a:p>
            <a:r>
              <a:rPr lang="de-DE" dirty="0" err="1"/>
              <a:t>webadresse.de</a:t>
            </a:r>
            <a:endParaRPr lang="de-DE" dirty="0"/>
          </a:p>
        </p:txBody>
      </p:sp>
      <p:pic>
        <p:nvPicPr>
          <p:cNvPr id="718295562" name="image" descr="{&quot;templafy&quot;:{&quot;id&quot;:&quot;8b920217-540c-46a1-8cbf-d6d01f92789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0775" y="216801"/>
            <a:ext cx="1891343" cy="360000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C5510D4B-B5D3-48CC-9B01-76952E127B66}"/>
              </a:ext>
            </a:extLst>
          </p:cNvPr>
          <p:cNvSpPr/>
          <p:nvPr userDrawn="1"/>
        </p:nvSpPr>
        <p:spPr>
          <a:xfrm>
            <a:off x="7531100" y="6463874"/>
            <a:ext cx="441956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b="1" dirty="0">
                <a:solidFill>
                  <a:schemeClr val="accent1"/>
                </a:solidFill>
                <a:effectLst/>
                <a:latin typeface="+mn-lt"/>
                <a:ea typeface="MetaPro-Light" panose="020B0504030101020102" pitchFamily="34" charset="0"/>
              </a:rPr>
              <a:t>FUNKE</a:t>
            </a:r>
            <a:r>
              <a:rPr lang="de-DE" sz="1000" dirty="0">
                <a:solidFill>
                  <a:srgbClr val="000000"/>
                </a:solidFill>
                <a:effectLst/>
                <a:latin typeface="+mn-lt"/>
                <a:ea typeface="MetaPro-Light" panose="020B0504030101020102" pitchFamily="34" charset="0"/>
              </a:rPr>
              <a:t> Mediengruppe</a:t>
            </a:r>
            <a:endParaRPr lang="de-DE" sz="1000" dirty="0">
              <a:latin typeface="+mn-lt"/>
            </a:endParaRPr>
          </a:p>
        </p:txBody>
      </p:sp>
      <p:sp>
        <p:nvSpPr>
          <p:cNvPr id="19" name="text" descr="{&quot;templafy&quot;:{&quot;id&quot;:&quot;fe47dab5-5a90-4ef1-8f68-265c6cfcdb2b&quot;}}" title="Form.PLogoInsertion.Pp_LogoTagline">
            <a:extLst>
              <a:ext uri="{FF2B5EF4-FFF2-40B4-BE49-F238E27FC236}">
                <a16:creationId xmlns:a16="http://schemas.microsoft.com/office/drawing/2014/main" id="{B6592D48-0C05-4730-8DAF-7B3051B94459}"/>
              </a:ext>
            </a:extLst>
          </p:cNvPr>
          <p:cNvSpPr/>
          <p:nvPr userDrawn="1"/>
        </p:nvSpPr>
        <p:spPr>
          <a:xfrm>
            <a:off x="7421880" y="6463874"/>
            <a:ext cx="335530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dirty="0">
                <a:solidFill>
                  <a:schemeClr val="tx1"/>
                </a:solidFill>
                <a:latin typeface="+mn-lt"/>
              </a:rPr>
              <a:t>Ein Unternehmensbereich der</a:t>
            </a:r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FFECB092-6B59-4961-9D26-BDE2E8FC38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1" y="2520001"/>
            <a:ext cx="5016000" cy="909000"/>
          </a:xfrm>
          <a:prstGeom prst="rect">
            <a:avLst/>
          </a:prstGeom>
        </p:spPr>
        <p:txBody>
          <a:bodyPr/>
          <a:lstStyle>
            <a:lvl1pPr>
              <a:defRPr b="0" i="0">
                <a:latin typeface="+mj-lt"/>
              </a:defRPr>
            </a:lvl1pPr>
          </a:lstStyle>
          <a:p>
            <a:r>
              <a:rPr lang="en-US"/>
              <a:t>Click to edit Master title style</a:t>
            </a:r>
            <a:endParaRPr lang="de-DE" dirty="0"/>
          </a:p>
        </p:txBody>
      </p:sp>
      <p:sp>
        <p:nvSpPr>
          <p:cNvPr id="13" name="Textplatzhalter 4">
            <a:extLst>
              <a:ext uri="{FF2B5EF4-FFF2-40B4-BE49-F238E27FC236}">
                <a16:creationId xmlns:a16="http://schemas.microsoft.com/office/drawing/2014/main" id="{25C7EBFE-3B8E-407B-B250-4806555E199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080001" y="4615971"/>
            <a:ext cx="5016500" cy="483659"/>
          </a:xfrm>
          <a:prstGeom prst="rect">
            <a:avLst/>
          </a:prstGeom>
        </p:spPr>
        <p:txBody>
          <a:bodyPr>
            <a:norm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de-DE" dirty="0"/>
              <a:t>Untertitel</a:t>
            </a:r>
          </a:p>
        </p:txBody>
      </p:sp>
    </p:spTree>
    <p:extLst>
      <p:ext uri="{BB962C8B-B14F-4D97-AF65-F5344CB8AC3E}">
        <p14:creationId xmlns:p14="http://schemas.microsoft.com/office/powerpoint/2010/main" val="3009876908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PT Anhang – Linienkonstrukt schwarz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fik 2">
            <a:extLst>
              <a:ext uri="{FF2B5EF4-FFF2-40B4-BE49-F238E27FC236}">
                <a16:creationId xmlns:a16="http://schemas.microsoft.com/office/drawing/2014/main" id="{3A39BFB6-4C2F-2C40-BB2F-A04CE29C1BE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007815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PT Anhang – Linienkonstrukt schwarz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fik 2">
            <a:extLst>
              <a:ext uri="{FF2B5EF4-FFF2-40B4-BE49-F238E27FC236}">
                <a16:creationId xmlns:a16="http://schemas.microsoft.com/office/drawing/2014/main" id="{3A39BFB6-4C2F-2C40-BB2F-A04CE29C1BE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770140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PT Titel 1 – Logo mit Unterlä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87F45FA-69DA-49A8-94CD-D093A46AA23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5868084" y="0"/>
            <a:ext cx="6323917" cy="6318000"/>
          </a:xfrm>
          <a:custGeom>
            <a:avLst/>
            <a:gdLst>
              <a:gd name="connsiteX0" fmla="*/ 2305278 w 6323917"/>
              <a:gd name="connsiteY0" fmla="*/ 0 h 6318000"/>
              <a:gd name="connsiteX1" fmla="*/ 6323917 w 6323917"/>
              <a:gd name="connsiteY1" fmla="*/ 0 h 6318000"/>
              <a:gd name="connsiteX2" fmla="*/ 6323917 w 6323917"/>
              <a:gd name="connsiteY2" fmla="*/ 6318000 h 6318000"/>
              <a:gd name="connsiteX3" fmla="*/ 0 w 6323917"/>
              <a:gd name="connsiteY3" fmla="*/ 6318000 h 6318000"/>
              <a:gd name="connsiteX4" fmla="*/ 51721 w 6323917"/>
              <a:gd name="connsiteY4" fmla="*/ 6176118 h 6318000"/>
              <a:gd name="connsiteX5" fmla="*/ 2305278 w 6323917"/>
              <a:gd name="connsiteY5" fmla="*/ 0 h 631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6323917" h="6318000">
                <a:moveTo>
                  <a:pt x="2305278" y="0"/>
                </a:moveTo>
                <a:lnTo>
                  <a:pt x="6323917" y="0"/>
                </a:lnTo>
                <a:lnTo>
                  <a:pt x="6323917" y="6318000"/>
                </a:lnTo>
                <a:lnTo>
                  <a:pt x="0" y="6318000"/>
                </a:lnTo>
                <a:lnTo>
                  <a:pt x="51721" y="6176118"/>
                </a:lnTo>
                <a:cubicBezTo>
                  <a:pt x="927931" y="3772196"/>
                  <a:pt x="2297588" y="5768"/>
                  <a:pt x="2305278" y="0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 anchorCtr="0">
            <a:noAutofit/>
          </a:bodyPr>
          <a:lstStyle>
            <a:lvl1pPr marL="0" indent="0" algn="ctr">
              <a:buNone/>
              <a:defRPr sz="900" b="0" i="0">
                <a:solidFill>
                  <a:srgbClr val="FF2600"/>
                </a:solidFill>
                <a:latin typeface="+mn-lt"/>
              </a:defRPr>
            </a:lvl1pPr>
          </a:lstStyle>
          <a:p>
            <a:r>
              <a:rPr lang="de-DE" dirty="0"/>
              <a:t>Hier kann ein Titelbild eingefügt werden</a:t>
            </a:r>
          </a:p>
        </p:txBody>
      </p:sp>
      <p:pic>
        <p:nvPicPr>
          <p:cNvPr id="14" name="Grafik 13">
            <a:extLst>
              <a:ext uri="{FF2B5EF4-FFF2-40B4-BE49-F238E27FC236}">
                <a16:creationId xmlns:a16="http://schemas.microsoft.com/office/drawing/2014/main" id="{B0C4F539-02C1-5749-8E93-669E84B68C1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3920"/>
            <a:ext cx="12192000" cy="6858000"/>
          </a:xfrm>
          <a:prstGeom prst="rect">
            <a:avLst/>
          </a:prstGeom>
        </p:spPr>
      </p:pic>
      <p:sp>
        <p:nvSpPr>
          <p:cNvPr id="8" name="Textplatzhalter 3">
            <a:extLst>
              <a:ext uri="{FF2B5EF4-FFF2-40B4-BE49-F238E27FC236}">
                <a16:creationId xmlns:a16="http://schemas.microsoft.com/office/drawing/2014/main" id="{DD59374D-1C88-6545-BA39-17E0C9ABE3F3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08800" y="6407999"/>
            <a:ext cx="3600000" cy="360000"/>
          </a:xfrm>
          <a:prstGeom prst="rect">
            <a:avLst/>
          </a:prstGeom>
        </p:spPr>
        <p:txBody>
          <a:bodyPr anchor="ctr" anchorCtr="0"/>
          <a:lstStyle>
            <a:lvl1pPr marL="0" indent="0">
              <a:lnSpc>
                <a:spcPct val="100000"/>
              </a:lnSpc>
              <a:buNone/>
              <a:defRPr sz="1200" b="0" i="0">
                <a:latin typeface="+mn-lt"/>
              </a:defRPr>
            </a:lvl1pPr>
          </a:lstStyle>
          <a:p>
            <a:r>
              <a:rPr lang="de-DE" dirty="0" err="1"/>
              <a:t>webadresse.de</a:t>
            </a:r>
            <a:endParaRPr lang="de-DE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801C2C5-2208-4475-B775-2242E33505F3}"/>
              </a:ext>
            </a:extLst>
          </p:cNvPr>
          <p:cNvSpPr/>
          <p:nvPr userDrawn="1"/>
        </p:nvSpPr>
        <p:spPr>
          <a:xfrm>
            <a:off x="7531100" y="6463874"/>
            <a:ext cx="441956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b="1" dirty="0">
                <a:solidFill>
                  <a:schemeClr val="accent1"/>
                </a:solidFill>
                <a:effectLst/>
                <a:latin typeface="+mn-lt"/>
                <a:ea typeface="MetaPro-Light" panose="020B0504030101020102" pitchFamily="34" charset="0"/>
              </a:rPr>
              <a:t>FUNKE</a:t>
            </a:r>
            <a:r>
              <a:rPr lang="de-DE" sz="1000" dirty="0">
                <a:solidFill>
                  <a:srgbClr val="000000"/>
                </a:solidFill>
                <a:effectLst/>
                <a:latin typeface="+mn-lt"/>
                <a:ea typeface="MetaPro-Light" panose="020B0504030101020102" pitchFamily="34" charset="0"/>
              </a:rPr>
              <a:t> Mediengruppe</a:t>
            </a:r>
            <a:endParaRPr lang="de-DE" sz="1000" dirty="0">
              <a:latin typeface="+mn-lt"/>
            </a:endParaRPr>
          </a:p>
        </p:txBody>
      </p:sp>
      <p:sp>
        <p:nvSpPr>
          <p:cNvPr id="7" name="text" descr="{&quot;templafy&quot;:{&quot;id&quot;:&quot;c470fb15-446a-441a-b0fa-ea2e3ff16e51&quot;}}" title="Form.PLogoInsertion.Pp_LogoTagline">
            <a:extLst>
              <a:ext uri="{FF2B5EF4-FFF2-40B4-BE49-F238E27FC236}">
                <a16:creationId xmlns:a16="http://schemas.microsoft.com/office/drawing/2014/main" id="{815FD9C0-7BBE-43D2-9F9C-FF25B4B63C93}"/>
              </a:ext>
            </a:extLst>
          </p:cNvPr>
          <p:cNvSpPr/>
          <p:nvPr userDrawn="1"/>
        </p:nvSpPr>
        <p:spPr>
          <a:xfrm>
            <a:off x="7421880" y="6463874"/>
            <a:ext cx="335530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dirty="0">
                <a:solidFill>
                  <a:schemeClr val="tx1"/>
                </a:solidFill>
                <a:latin typeface="+mn-lt"/>
              </a:rPr>
              <a:t>Ein Unternehmensbereich der</a:t>
            </a:r>
          </a:p>
        </p:txBody>
      </p:sp>
      <p:pic>
        <p:nvPicPr>
          <p:cNvPr id="1178131249" name="image" descr="{&quot;templafy&quot;:{&quot;id&quot;:&quot;72840e4c-4349-4930-a92c-c3d581f5563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0775" y="216801"/>
            <a:ext cx="1891343" cy="360000"/>
          </a:xfrm>
          <a:prstGeom prst="rect">
            <a:avLst/>
          </a:prstGeom>
        </p:spPr>
      </p:pic>
      <p:sp>
        <p:nvSpPr>
          <p:cNvPr id="9" name="Titel 1">
            <a:extLst>
              <a:ext uri="{FF2B5EF4-FFF2-40B4-BE49-F238E27FC236}">
                <a16:creationId xmlns:a16="http://schemas.microsoft.com/office/drawing/2014/main" id="{0A61DE6A-CED3-4285-9C3E-4CC8D75EAC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1" y="2520001"/>
            <a:ext cx="5016000" cy="909000"/>
          </a:xfrm>
          <a:prstGeom prst="rect">
            <a:avLst/>
          </a:prstGeom>
        </p:spPr>
        <p:txBody>
          <a:bodyPr/>
          <a:lstStyle>
            <a:lvl1pPr>
              <a:defRPr b="0" i="0">
                <a:latin typeface="+mj-lt"/>
              </a:defRPr>
            </a:lvl1pPr>
          </a:lstStyle>
          <a:p>
            <a:r>
              <a:rPr lang="en-US"/>
              <a:t>Click to edit Master title style</a:t>
            </a:r>
            <a:endParaRPr lang="de-DE" dirty="0"/>
          </a:p>
        </p:txBody>
      </p:sp>
      <p:sp>
        <p:nvSpPr>
          <p:cNvPr id="10" name="Textplatzhalter 4">
            <a:extLst>
              <a:ext uri="{FF2B5EF4-FFF2-40B4-BE49-F238E27FC236}">
                <a16:creationId xmlns:a16="http://schemas.microsoft.com/office/drawing/2014/main" id="{00916E58-0994-4DE9-AD69-2922133559C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080001" y="4615971"/>
            <a:ext cx="5016500" cy="483659"/>
          </a:xfrm>
          <a:prstGeom prst="rect">
            <a:avLst/>
          </a:prstGeom>
        </p:spPr>
        <p:txBody>
          <a:bodyPr>
            <a:norm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de-DE" dirty="0"/>
              <a:t>Untertitel</a:t>
            </a:r>
          </a:p>
        </p:txBody>
      </p:sp>
    </p:spTree>
    <p:extLst>
      <p:ext uri="{BB962C8B-B14F-4D97-AF65-F5344CB8AC3E}">
        <p14:creationId xmlns:p14="http://schemas.microsoft.com/office/powerpoint/2010/main" val="45867862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PT Titel 1 – Logo dreizeilig ohne Unterlä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C75AF0C2-BFD2-49FA-9847-C3AA79F2859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5868084" y="0"/>
            <a:ext cx="6323917" cy="6318000"/>
          </a:xfrm>
          <a:custGeom>
            <a:avLst/>
            <a:gdLst>
              <a:gd name="connsiteX0" fmla="*/ 2305278 w 6323917"/>
              <a:gd name="connsiteY0" fmla="*/ 0 h 6318000"/>
              <a:gd name="connsiteX1" fmla="*/ 6323917 w 6323917"/>
              <a:gd name="connsiteY1" fmla="*/ 0 h 6318000"/>
              <a:gd name="connsiteX2" fmla="*/ 6323917 w 6323917"/>
              <a:gd name="connsiteY2" fmla="*/ 6318000 h 6318000"/>
              <a:gd name="connsiteX3" fmla="*/ 0 w 6323917"/>
              <a:gd name="connsiteY3" fmla="*/ 6318000 h 6318000"/>
              <a:gd name="connsiteX4" fmla="*/ 51721 w 6323917"/>
              <a:gd name="connsiteY4" fmla="*/ 6176118 h 6318000"/>
              <a:gd name="connsiteX5" fmla="*/ 2305278 w 6323917"/>
              <a:gd name="connsiteY5" fmla="*/ 0 h 631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6323917" h="6318000">
                <a:moveTo>
                  <a:pt x="2305278" y="0"/>
                </a:moveTo>
                <a:lnTo>
                  <a:pt x="6323917" y="0"/>
                </a:lnTo>
                <a:lnTo>
                  <a:pt x="6323917" y="6318000"/>
                </a:lnTo>
                <a:lnTo>
                  <a:pt x="0" y="6318000"/>
                </a:lnTo>
                <a:lnTo>
                  <a:pt x="51721" y="6176118"/>
                </a:lnTo>
                <a:cubicBezTo>
                  <a:pt x="927931" y="3772196"/>
                  <a:pt x="2297588" y="5768"/>
                  <a:pt x="2305278" y="0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 anchorCtr="0">
            <a:noAutofit/>
          </a:bodyPr>
          <a:lstStyle>
            <a:lvl1pPr marL="0" indent="0" algn="ctr">
              <a:buNone/>
              <a:defRPr sz="900" b="0" i="0">
                <a:solidFill>
                  <a:srgbClr val="FF2600"/>
                </a:solidFill>
                <a:latin typeface="+mn-lt"/>
              </a:defRPr>
            </a:lvl1pPr>
          </a:lstStyle>
          <a:p>
            <a:r>
              <a:rPr lang="de-DE" dirty="0"/>
              <a:t>Hier kann ein Titelbild eingefügt werden</a:t>
            </a:r>
          </a:p>
        </p:txBody>
      </p:sp>
      <p:pic>
        <p:nvPicPr>
          <p:cNvPr id="12" name="Grafik 11">
            <a:extLst>
              <a:ext uri="{FF2B5EF4-FFF2-40B4-BE49-F238E27FC236}">
                <a16:creationId xmlns:a16="http://schemas.microsoft.com/office/drawing/2014/main" id="{5081A31F-84D5-A44F-9254-2E66DFEC841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8" name="Textplatzhalter 3">
            <a:extLst>
              <a:ext uri="{FF2B5EF4-FFF2-40B4-BE49-F238E27FC236}">
                <a16:creationId xmlns:a16="http://schemas.microsoft.com/office/drawing/2014/main" id="{9A021A9F-7D67-E947-9476-EBC0D3EAA94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08800" y="6407999"/>
            <a:ext cx="3600000" cy="360000"/>
          </a:xfrm>
          <a:prstGeom prst="rect">
            <a:avLst/>
          </a:prstGeom>
        </p:spPr>
        <p:txBody>
          <a:bodyPr anchor="ctr" anchorCtr="0"/>
          <a:lstStyle>
            <a:lvl1pPr marL="0" indent="0">
              <a:lnSpc>
                <a:spcPct val="100000"/>
              </a:lnSpc>
              <a:buNone/>
              <a:defRPr sz="1200" b="0" i="0">
                <a:latin typeface="+mn-lt"/>
              </a:defRPr>
            </a:lvl1pPr>
          </a:lstStyle>
          <a:p>
            <a:r>
              <a:rPr lang="de-DE" dirty="0" err="1"/>
              <a:t>webadresse.de</a:t>
            </a:r>
            <a:endParaRPr lang="de-DE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F5E78C14-D642-496B-ABB6-B2B79E1B54CB}"/>
              </a:ext>
            </a:extLst>
          </p:cNvPr>
          <p:cNvSpPr/>
          <p:nvPr userDrawn="1"/>
        </p:nvSpPr>
        <p:spPr>
          <a:xfrm>
            <a:off x="7531100" y="6463874"/>
            <a:ext cx="441956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b="1" dirty="0">
                <a:solidFill>
                  <a:schemeClr val="accent1"/>
                </a:solidFill>
                <a:effectLst/>
                <a:latin typeface="+mn-lt"/>
                <a:ea typeface="MetaPro-Light" panose="020B0504030101020102" pitchFamily="34" charset="0"/>
              </a:rPr>
              <a:t>FUNKE</a:t>
            </a:r>
            <a:r>
              <a:rPr lang="de-DE" sz="1000" dirty="0">
                <a:solidFill>
                  <a:srgbClr val="000000"/>
                </a:solidFill>
                <a:effectLst/>
                <a:latin typeface="+mn-lt"/>
                <a:ea typeface="MetaPro-Light" panose="020B0504030101020102" pitchFamily="34" charset="0"/>
              </a:rPr>
              <a:t> Mediengruppe</a:t>
            </a:r>
            <a:endParaRPr lang="de-DE" sz="1000" dirty="0">
              <a:latin typeface="+mn-lt"/>
            </a:endParaRPr>
          </a:p>
        </p:txBody>
      </p:sp>
      <p:sp>
        <p:nvSpPr>
          <p:cNvPr id="4" name="text" descr="{&quot;templafy&quot;:{&quot;id&quot;:&quot;bb1071cb-d3f0-45f5-8766-3491d9b7cb2d&quot;}}" title="Form.PLogoInsertion.Pp_LogoTagline">
            <a:extLst>
              <a:ext uri="{FF2B5EF4-FFF2-40B4-BE49-F238E27FC236}">
                <a16:creationId xmlns:a16="http://schemas.microsoft.com/office/drawing/2014/main" id="{94B847A1-CE45-41E3-BEFC-8D33D91C956E}"/>
              </a:ext>
            </a:extLst>
          </p:cNvPr>
          <p:cNvSpPr/>
          <p:nvPr userDrawn="1"/>
        </p:nvSpPr>
        <p:spPr>
          <a:xfrm>
            <a:off x="7421880" y="6463874"/>
            <a:ext cx="335530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dirty="0">
                <a:solidFill>
                  <a:schemeClr val="tx1"/>
                </a:solidFill>
                <a:latin typeface="+mn-lt"/>
              </a:rPr>
              <a:t>Ein Unternehmensbereich der</a:t>
            </a:r>
          </a:p>
        </p:txBody>
      </p:sp>
      <p:pic>
        <p:nvPicPr>
          <p:cNvPr id="1046191363" name="image" descr="{&quot;templafy&quot;:{&quot;id&quot;:&quot;6e81016a-b08f-48d8-9c45-446110c82bb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0775" y="216801"/>
            <a:ext cx="1891343" cy="360000"/>
          </a:xfrm>
          <a:prstGeom prst="rect">
            <a:avLst/>
          </a:prstGeom>
        </p:spPr>
      </p:pic>
      <p:sp>
        <p:nvSpPr>
          <p:cNvPr id="9" name="Titel 1">
            <a:extLst>
              <a:ext uri="{FF2B5EF4-FFF2-40B4-BE49-F238E27FC236}">
                <a16:creationId xmlns:a16="http://schemas.microsoft.com/office/drawing/2014/main" id="{5F85150F-F60C-489B-83FB-0FAA51D4352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1" y="2520001"/>
            <a:ext cx="5016000" cy="909000"/>
          </a:xfrm>
          <a:prstGeom prst="rect">
            <a:avLst/>
          </a:prstGeom>
        </p:spPr>
        <p:txBody>
          <a:bodyPr/>
          <a:lstStyle>
            <a:lvl1pPr>
              <a:defRPr b="0" i="0">
                <a:latin typeface="+mj-lt"/>
              </a:defRPr>
            </a:lvl1pPr>
          </a:lstStyle>
          <a:p>
            <a:r>
              <a:rPr lang="en-US"/>
              <a:t>Click to edit Master title style</a:t>
            </a:r>
            <a:endParaRPr lang="de-DE" dirty="0"/>
          </a:p>
        </p:txBody>
      </p:sp>
      <p:sp>
        <p:nvSpPr>
          <p:cNvPr id="10" name="Textplatzhalter 4">
            <a:extLst>
              <a:ext uri="{FF2B5EF4-FFF2-40B4-BE49-F238E27FC236}">
                <a16:creationId xmlns:a16="http://schemas.microsoft.com/office/drawing/2014/main" id="{DF9DA3FC-D17E-422A-97D0-D9BC64BE5BD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080001" y="4615971"/>
            <a:ext cx="5016500" cy="483659"/>
          </a:xfrm>
          <a:prstGeom prst="rect">
            <a:avLst/>
          </a:prstGeom>
        </p:spPr>
        <p:txBody>
          <a:bodyPr>
            <a:norm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de-DE" dirty="0"/>
              <a:t>Untertitel</a:t>
            </a:r>
          </a:p>
        </p:txBody>
      </p:sp>
    </p:spTree>
    <p:extLst>
      <p:ext uri="{BB962C8B-B14F-4D97-AF65-F5344CB8AC3E}">
        <p14:creationId xmlns:p14="http://schemas.microsoft.com/office/powerpoint/2010/main" val="123529091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PT Titel 2 – Logo ohne Unterlä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3F286D30-7726-42FF-B3D0-A1AFACC04162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766881" y="0"/>
            <a:ext cx="6425120" cy="6318000"/>
          </a:xfrm>
          <a:custGeom>
            <a:avLst/>
            <a:gdLst>
              <a:gd name="connsiteX0" fmla="*/ 2301486 w 6425120"/>
              <a:gd name="connsiteY0" fmla="*/ 0 h 6318000"/>
              <a:gd name="connsiteX1" fmla="*/ 4687035 w 6425120"/>
              <a:gd name="connsiteY1" fmla="*/ 0 h 6318000"/>
              <a:gd name="connsiteX2" fmla="*/ 4687035 w 6425120"/>
              <a:gd name="connsiteY2" fmla="*/ 3474 h 6318000"/>
              <a:gd name="connsiteX3" fmla="*/ 6425120 w 6425120"/>
              <a:gd name="connsiteY3" fmla="*/ 6002 h 6318000"/>
              <a:gd name="connsiteX4" fmla="*/ 6425120 w 6425120"/>
              <a:gd name="connsiteY4" fmla="*/ 2079630 h 6318000"/>
              <a:gd name="connsiteX5" fmla="*/ 6382761 w 6425120"/>
              <a:gd name="connsiteY5" fmla="*/ 2195856 h 6318000"/>
              <a:gd name="connsiteX6" fmla="*/ 4941266 w 6425120"/>
              <a:gd name="connsiteY6" fmla="*/ 6153104 h 6318000"/>
              <a:gd name="connsiteX7" fmla="*/ 4881157 w 6425120"/>
              <a:gd name="connsiteY7" fmla="*/ 6318000 h 6318000"/>
              <a:gd name="connsiteX8" fmla="*/ 0 w 6425120"/>
              <a:gd name="connsiteY8" fmla="*/ 6318000 h 6318000"/>
              <a:gd name="connsiteX9" fmla="*/ 69618 w 6425120"/>
              <a:gd name="connsiteY9" fmla="*/ 6127026 h 6318000"/>
              <a:gd name="connsiteX10" fmla="*/ 2202026 w 6425120"/>
              <a:gd name="connsiteY10" fmla="*/ 272957 h 631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425120" h="6318000">
                <a:moveTo>
                  <a:pt x="2301486" y="0"/>
                </a:moveTo>
                <a:lnTo>
                  <a:pt x="4687035" y="0"/>
                </a:lnTo>
                <a:lnTo>
                  <a:pt x="4687035" y="3474"/>
                </a:lnTo>
                <a:lnTo>
                  <a:pt x="6425120" y="6002"/>
                </a:lnTo>
                <a:lnTo>
                  <a:pt x="6425120" y="2079630"/>
                </a:lnTo>
                <a:lnTo>
                  <a:pt x="6382761" y="2195856"/>
                </a:lnTo>
                <a:cubicBezTo>
                  <a:pt x="5933633" y="3428317"/>
                  <a:pt x="5377743" y="4955573"/>
                  <a:pt x="4941266" y="6153104"/>
                </a:cubicBezTo>
                <a:lnTo>
                  <a:pt x="4881157" y="6318000"/>
                </a:lnTo>
                <a:lnTo>
                  <a:pt x="0" y="6318000"/>
                </a:lnTo>
                <a:lnTo>
                  <a:pt x="69618" y="6127026"/>
                </a:lnTo>
                <a:cubicBezTo>
                  <a:pt x="710239" y="4369453"/>
                  <a:pt x="1518778" y="2148227"/>
                  <a:pt x="2202026" y="272957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 anchorCtr="1">
            <a:noAutofit/>
          </a:bodyPr>
          <a:lstStyle>
            <a:lvl1pPr marL="0" indent="0" algn="ctr">
              <a:buNone/>
              <a:defRPr sz="900" b="0" i="0">
                <a:solidFill>
                  <a:srgbClr val="FF2600"/>
                </a:solidFill>
                <a:latin typeface="+mn-lt"/>
              </a:defRPr>
            </a:lvl1pPr>
          </a:lstStyle>
          <a:p>
            <a:r>
              <a:rPr lang="de-DE" dirty="0"/>
              <a:t>Hier kann ein Titelbild eingefügt werden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44151ED3-0B75-E141-9B1B-2DC20F8976B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1" name="Titelplatzhalter 1">
            <a:extLst>
              <a:ext uri="{FF2B5EF4-FFF2-40B4-BE49-F238E27FC236}">
                <a16:creationId xmlns:a16="http://schemas.microsoft.com/office/drawing/2014/main" id="{58317535-94C8-F842-BB15-C4C8F46C079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1360" y="2197815"/>
            <a:ext cx="7206991" cy="2659409"/>
          </a:xfrm>
          <a:prstGeom prst="rect">
            <a:avLst/>
          </a:prstGeom>
        </p:spPr>
        <p:txBody>
          <a:bodyPr vert="horz" lIns="0" tIns="0" rIns="0" bIns="0" rtlCol="0" anchor="t" anchorCtr="0">
            <a:normAutofit/>
          </a:bodyPr>
          <a:lstStyle>
            <a:lvl1pPr>
              <a:defRPr b="0" i="0">
                <a:latin typeface="+mj-lt"/>
              </a:defRPr>
            </a:lvl1pPr>
          </a:lstStyle>
          <a:p>
            <a:r>
              <a:rPr lang="de-DE" dirty="0"/>
              <a:t>Lorem ipsum dolor </a:t>
            </a:r>
            <a:r>
              <a:rPr lang="de-DE" dirty="0" err="1"/>
              <a:t>sit</a:t>
            </a:r>
            <a:r>
              <a:rPr lang="de-DE" dirty="0"/>
              <a:t> amet </a:t>
            </a:r>
            <a:r>
              <a:rPr lang="de-DE" dirty="0" err="1"/>
              <a:t>consetetur</a:t>
            </a:r>
            <a:r>
              <a:rPr lang="de-DE" dirty="0"/>
              <a:t> </a:t>
            </a:r>
            <a:r>
              <a:rPr lang="de-DE" dirty="0" err="1"/>
              <a:t>sadipscing</a:t>
            </a:r>
            <a:r>
              <a:rPr lang="de-DE" dirty="0"/>
              <a:t> elit</a:t>
            </a:r>
          </a:p>
        </p:txBody>
      </p:sp>
      <p:sp>
        <p:nvSpPr>
          <p:cNvPr id="13" name="Textplatzhalter 3">
            <a:extLst>
              <a:ext uri="{FF2B5EF4-FFF2-40B4-BE49-F238E27FC236}">
                <a16:creationId xmlns:a16="http://schemas.microsoft.com/office/drawing/2014/main" id="{7D681464-CB59-8C44-B93A-1AD8EF214D6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08800" y="6407999"/>
            <a:ext cx="3600000" cy="360000"/>
          </a:xfrm>
          <a:prstGeom prst="rect">
            <a:avLst/>
          </a:prstGeom>
        </p:spPr>
        <p:txBody>
          <a:bodyPr anchor="ctr" anchorCtr="0"/>
          <a:lstStyle>
            <a:lvl1pPr marL="0" indent="0">
              <a:lnSpc>
                <a:spcPct val="100000"/>
              </a:lnSpc>
              <a:buNone/>
              <a:defRPr sz="1200" b="0" i="0">
                <a:latin typeface="+mn-lt"/>
              </a:defRPr>
            </a:lvl1pPr>
          </a:lstStyle>
          <a:p>
            <a:r>
              <a:rPr lang="de-DE" dirty="0" err="1"/>
              <a:t>webadresse.de</a:t>
            </a:r>
            <a:endParaRPr lang="de-DE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A09C9459-068A-4EA3-865A-3DECA9B83BD2}"/>
              </a:ext>
            </a:extLst>
          </p:cNvPr>
          <p:cNvSpPr/>
          <p:nvPr userDrawn="1"/>
        </p:nvSpPr>
        <p:spPr>
          <a:xfrm>
            <a:off x="7531100" y="6463874"/>
            <a:ext cx="441956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b="1" dirty="0">
                <a:solidFill>
                  <a:schemeClr val="accent1"/>
                </a:solidFill>
                <a:effectLst/>
                <a:latin typeface="+mn-lt"/>
                <a:ea typeface="MetaPro-Light" panose="020B0504030101020102" pitchFamily="34" charset="0"/>
              </a:rPr>
              <a:t>FUNKE</a:t>
            </a:r>
            <a:r>
              <a:rPr lang="de-DE" sz="1000" dirty="0">
                <a:solidFill>
                  <a:srgbClr val="000000"/>
                </a:solidFill>
                <a:effectLst/>
                <a:latin typeface="+mn-lt"/>
                <a:ea typeface="MetaPro-Light" panose="020B0504030101020102" pitchFamily="34" charset="0"/>
              </a:rPr>
              <a:t> Mediengruppe</a:t>
            </a:r>
            <a:endParaRPr lang="de-DE" sz="1000" dirty="0">
              <a:latin typeface="+mn-lt"/>
            </a:endParaRPr>
          </a:p>
        </p:txBody>
      </p:sp>
      <p:sp>
        <p:nvSpPr>
          <p:cNvPr id="4" name="text" descr="{&quot;templafy&quot;:{&quot;id&quot;:&quot;cba8a381-d14e-4b0a-8195-ac2ee5b2140c&quot;}}" title="Form.PLogoInsertion.Pp_LogoTagline">
            <a:extLst>
              <a:ext uri="{FF2B5EF4-FFF2-40B4-BE49-F238E27FC236}">
                <a16:creationId xmlns:a16="http://schemas.microsoft.com/office/drawing/2014/main" id="{EE784718-038B-423F-B56B-ED20285DD892}"/>
              </a:ext>
            </a:extLst>
          </p:cNvPr>
          <p:cNvSpPr/>
          <p:nvPr userDrawn="1"/>
        </p:nvSpPr>
        <p:spPr>
          <a:xfrm>
            <a:off x="7421880" y="6463874"/>
            <a:ext cx="335530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dirty="0">
                <a:solidFill>
                  <a:schemeClr val="tx1"/>
                </a:solidFill>
                <a:latin typeface="+mn-lt"/>
              </a:rPr>
              <a:t>Ein Unternehmensbereich der</a:t>
            </a:r>
          </a:p>
        </p:txBody>
      </p:sp>
      <p:pic>
        <p:nvPicPr>
          <p:cNvPr id="2054256172" name="image" descr="{&quot;templafy&quot;:{&quot;id&quot;:&quot;8b29979d-c025-4080-bc79-698628fb523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0775" y="216801"/>
            <a:ext cx="189134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379389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PT Titel 2 – Logo mit Unterlae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FF113885-391B-4ED7-A081-BCF08C3D2577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766881" y="0"/>
            <a:ext cx="6425120" cy="6318000"/>
          </a:xfrm>
          <a:custGeom>
            <a:avLst/>
            <a:gdLst>
              <a:gd name="connsiteX0" fmla="*/ 2301486 w 6425120"/>
              <a:gd name="connsiteY0" fmla="*/ 0 h 6318000"/>
              <a:gd name="connsiteX1" fmla="*/ 4687035 w 6425120"/>
              <a:gd name="connsiteY1" fmla="*/ 0 h 6318000"/>
              <a:gd name="connsiteX2" fmla="*/ 4687035 w 6425120"/>
              <a:gd name="connsiteY2" fmla="*/ 3474 h 6318000"/>
              <a:gd name="connsiteX3" fmla="*/ 6425120 w 6425120"/>
              <a:gd name="connsiteY3" fmla="*/ 6002 h 6318000"/>
              <a:gd name="connsiteX4" fmla="*/ 6425120 w 6425120"/>
              <a:gd name="connsiteY4" fmla="*/ 2079630 h 6318000"/>
              <a:gd name="connsiteX5" fmla="*/ 6382761 w 6425120"/>
              <a:gd name="connsiteY5" fmla="*/ 2195856 h 6318000"/>
              <a:gd name="connsiteX6" fmla="*/ 4941266 w 6425120"/>
              <a:gd name="connsiteY6" fmla="*/ 6153104 h 6318000"/>
              <a:gd name="connsiteX7" fmla="*/ 4881157 w 6425120"/>
              <a:gd name="connsiteY7" fmla="*/ 6318000 h 6318000"/>
              <a:gd name="connsiteX8" fmla="*/ 0 w 6425120"/>
              <a:gd name="connsiteY8" fmla="*/ 6318000 h 6318000"/>
              <a:gd name="connsiteX9" fmla="*/ 69618 w 6425120"/>
              <a:gd name="connsiteY9" fmla="*/ 6127026 h 6318000"/>
              <a:gd name="connsiteX10" fmla="*/ 2202026 w 6425120"/>
              <a:gd name="connsiteY10" fmla="*/ 272957 h 631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425120" h="6318000">
                <a:moveTo>
                  <a:pt x="2301486" y="0"/>
                </a:moveTo>
                <a:lnTo>
                  <a:pt x="4687035" y="0"/>
                </a:lnTo>
                <a:lnTo>
                  <a:pt x="4687035" y="3474"/>
                </a:lnTo>
                <a:lnTo>
                  <a:pt x="6425120" y="6002"/>
                </a:lnTo>
                <a:lnTo>
                  <a:pt x="6425120" y="2079630"/>
                </a:lnTo>
                <a:lnTo>
                  <a:pt x="6382761" y="2195856"/>
                </a:lnTo>
                <a:cubicBezTo>
                  <a:pt x="5933633" y="3428317"/>
                  <a:pt x="5377743" y="4955573"/>
                  <a:pt x="4941266" y="6153104"/>
                </a:cubicBezTo>
                <a:lnTo>
                  <a:pt x="4881157" y="6318000"/>
                </a:lnTo>
                <a:lnTo>
                  <a:pt x="0" y="6318000"/>
                </a:lnTo>
                <a:lnTo>
                  <a:pt x="69618" y="6127026"/>
                </a:lnTo>
                <a:cubicBezTo>
                  <a:pt x="710239" y="4369453"/>
                  <a:pt x="1518778" y="2148227"/>
                  <a:pt x="2202026" y="272957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 anchorCtr="1">
            <a:noAutofit/>
          </a:bodyPr>
          <a:lstStyle>
            <a:lvl1pPr marL="0" indent="0" algn="ctr">
              <a:buNone/>
              <a:defRPr sz="900" b="0" i="0">
                <a:solidFill>
                  <a:srgbClr val="FF2600"/>
                </a:solidFill>
                <a:latin typeface="+mn-lt"/>
              </a:defRPr>
            </a:lvl1pPr>
          </a:lstStyle>
          <a:p>
            <a:r>
              <a:rPr lang="de-DE" dirty="0"/>
              <a:t>Hier kann ein Titelbild eingefügt werden</a:t>
            </a:r>
          </a:p>
        </p:txBody>
      </p:sp>
      <p:pic>
        <p:nvPicPr>
          <p:cNvPr id="10" name="Grafik 9">
            <a:extLst>
              <a:ext uri="{FF2B5EF4-FFF2-40B4-BE49-F238E27FC236}">
                <a16:creationId xmlns:a16="http://schemas.microsoft.com/office/drawing/2014/main" id="{529FBD42-E558-4946-8417-C747978A1F4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1" name="Titelplatzhalter 1">
            <a:extLst>
              <a:ext uri="{FF2B5EF4-FFF2-40B4-BE49-F238E27FC236}">
                <a16:creationId xmlns:a16="http://schemas.microsoft.com/office/drawing/2014/main" id="{58317535-94C8-F842-BB15-C4C8F46C079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1360" y="2197815"/>
            <a:ext cx="7206991" cy="2659409"/>
          </a:xfrm>
          <a:prstGeom prst="rect">
            <a:avLst/>
          </a:prstGeom>
        </p:spPr>
        <p:txBody>
          <a:bodyPr vert="horz" lIns="0" tIns="0" rIns="0" bIns="0" rtlCol="0" anchor="t" anchorCtr="0">
            <a:normAutofit/>
          </a:bodyPr>
          <a:lstStyle>
            <a:lvl1pPr>
              <a:defRPr b="0" i="0">
                <a:latin typeface="+mj-lt"/>
              </a:defRPr>
            </a:lvl1pPr>
          </a:lstStyle>
          <a:p>
            <a:r>
              <a:rPr lang="de-DE" dirty="0"/>
              <a:t>Lorem ipsum dolor </a:t>
            </a:r>
            <a:r>
              <a:rPr lang="de-DE" dirty="0" err="1"/>
              <a:t>sit</a:t>
            </a:r>
            <a:r>
              <a:rPr lang="de-DE" dirty="0"/>
              <a:t> amet </a:t>
            </a:r>
            <a:r>
              <a:rPr lang="de-DE" dirty="0" err="1"/>
              <a:t>consetetur</a:t>
            </a:r>
            <a:r>
              <a:rPr lang="de-DE" dirty="0"/>
              <a:t> </a:t>
            </a:r>
            <a:r>
              <a:rPr lang="de-DE" dirty="0" err="1"/>
              <a:t>sadipscing</a:t>
            </a:r>
            <a:r>
              <a:rPr lang="de-DE" dirty="0"/>
              <a:t> elit</a:t>
            </a:r>
          </a:p>
        </p:txBody>
      </p:sp>
      <p:sp>
        <p:nvSpPr>
          <p:cNvPr id="12" name="Textplatzhalter 3">
            <a:extLst>
              <a:ext uri="{FF2B5EF4-FFF2-40B4-BE49-F238E27FC236}">
                <a16:creationId xmlns:a16="http://schemas.microsoft.com/office/drawing/2014/main" id="{6B5252FA-B355-3241-B74D-0416DF0A34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08800" y="6407999"/>
            <a:ext cx="3600000" cy="360000"/>
          </a:xfrm>
          <a:prstGeom prst="rect">
            <a:avLst/>
          </a:prstGeom>
        </p:spPr>
        <p:txBody>
          <a:bodyPr anchor="ctr" anchorCtr="0"/>
          <a:lstStyle>
            <a:lvl1pPr marL="0" indent="0">
              <a:lnSpc>
                <a:spcPct val="100000"/>
              </a:lnSpc>
              <a:buNone/>
              <a:defRPr sz="1200" b="0" i="0">
                <a:latin typeface="+mn-lt"/>
              </a:defRPr>
            </a:lvl1pPr>
          </a:lstStyle>
          <a:p>
            <a:r>
              <a:rPr lang="de-DE" dirty="0" err="1"/>
              <a:t>webadresse.de</a:t>
            </a:r>
            <a:endParaRPr lang="de-DE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917035AB-8891-4EDE-B960-F794492811FD}"/>
              </a:ext>
            </a:extLst>
          </p:cNvPr>
          <p:cNvSpPr/>
          <p:nvPr userDrawn="1"/>
        </p:nvSpPr>
        <p:spPr>
          <a:xfrm>
            <a:off x="7531100" y="6463874"/>
            <a:ext cx="441956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b="1" dirty="0">
                <a:solidFill>
                  <a:schemeClr val="accent1"/>
                </a:solidFill>
                <a:effectLst/>
                <a:latin typeface="+mn-lt"/>
                <a:ea typeface="MetaPro-Light" panose="020B0504030101020102" pitchFamily="34" charset="0"/>
              </a:rPr>
              <a:t>FUNKE</a:t>
            </a:r>
            <a:r>
              <a:rPr lang="de-DE" sz="1000" dirty="0">
                <a:solidFill>
                  <a:srgbClr val="000000"/>
                </a:solidFill>
                <a:effectLst/>
                <a:latin typeface="+mn-lt"/>
                <a:ea typeface="MetaPro-Light" panose="020B0504030101020102" pitchFamily="34" charset="0"/>
              </a:rPr>
              <a:t> Mediengruppe</a:t>
            </a:r>
            <a:endParaRPr lang="de-DE" sz="1000" dirty="0">
              <a:latin typeface="+mn-lt"/>
            </a:endParaRPr>
          </a:p>
        </p:txBody>
      </p:sp>
      <p:sp>
        <p:nvSpPr>
          <p:cNvPr id="4" name="text" descr="{&quot;templafy&quot;:{&quot;id&quot;:&quot;2d2680da-4ccd-451c-97aa-a37cc253c011&quot;}}" title="Form.PLogoInsertion.Pp_LogoTagline">
            <a:extLst>
              <a:ext uri="{FF2B5EF4-FFF2-40B4-BE49-F238E27FC236}">
                <a16:creationId xmlns:a16="http://schemas.microsoft.com/office/drawing/2014/main" id="{E5D8479A-861A-41A2-ACC0-5523DC4E7F40}"/>
              </a:ext>
            </a:extLst>
          </p:cNvPr>
          <p:cNvSpPr/>
          <p:nvPr userDrawn="1"/>
        </p:nvSpPr>
        <p:spPr>
          <a:xfrm>
            <a:off x="7421880" y="6463874"/>
            <a:ext cx="335530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dirty="0">
                <a:solidFill>
                  <a:schemeClr val="tx1"/>
                </a:solidFill>
                <a:latin typeface="+mn-lt"/>
              </a:rPr>
              <a:t>Ein Unternehmensbereich der</a:t>
            </a:r>
          </a:p>
        </p:txBody>
      </p:sp>
      <p:pic>
        <p:nvPicPr>
          <p:cNvPr id="122162267" name="image" descr="{&quot;templafy&quot;:{&quot;id&quot;:&quot;179b780b-d130-45de-97f5-fe6f81a0535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0775" y="216801"/>
            <a:ext cx="189134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2343193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PT Titel 2 – Logo dreizeilig ohne Unterlä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C26E98C6-1DAD-4563-B7B7-1A54369AB1C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766881" y="0"/>
            <a:ext cx="6425120" cy="6318000"/>
          </a:xfrm>
          <a:custGeom>
            <a:avLst/>
            <a:gdLst>
              <a:gd name="connsiteX0" fmla="*/ 2301486 w 6425120"/>
              <a:gd name="connsiteY0" fmla="*/ 0 h 6318000"/>
              <a:gd name="connsiteX1" fmla="*/ 4687035 w 6425120"/>
              <a:gd name="connsiteY1" fmla="*/ 0 h 6318000"/>
              <a:gd name="connsiteX2" fmla="*/ 4687035 w 6425120"/>
              <a:gd name="connsiteY2" fmla="*/ 3474 h 6318000"/>
              <a:gd name="connsiteX3" fmla="*/ 6425120 w 6425120"/>
              <a:gd name="connsiteY3" fmla="*/ 6002 h 6318000"/>
              <a:gd name="connsiteX4" fmla="*/ 6425120 w 6425120"/>
              <a:gd name="connsiteY4" fmla="*/ 2079630 h 6318000"/>
              <a:gd name="connsiteX5" fmla="*/ 6382761 w 6425120"/>
              <a:gd name="connsiteY5" fmla="*/ 2195856 h 6318000"/>
              <a:gd name="connsiteX6" fmla="*/ 4941266 w 6425120"/>
              <a:gd name="connsiteY6" fmla="*/ 6153104 h 6318000"/>
              <a:gd name="connsiteX7" fmla="*/ 4881157 w 6425120"/>
              <a:gd name="connsiteY7" fmla="*/ 6318000 h 6318000"/>
              <a:gd name="connsiteX8" fmla="*/ 0 w 6425120"/>
              <a:gd name="connsiteY8" fmla="*/ 6318000 h 6318000"/>
              <a:gd name="connsiteX9" fmla="*/ 69618 w 6425120"/>
              <a:gd name="connsiteY9" fmla="*/ 6127026 h 6318000"/>
              <a:gd name="connsiteX10" fmla="*/ 2202026 w 6425120"/>
              <a:gd name="connsiteY10" fmla="*/ 272957 h 631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425120" h="6318000">
                <a:moveTo>
                  <a:pt x="2301486" y="0"/>
                </a:moveTo>
                <a:lnTo>
                  <a:pt x="4687035" y="0"/>
                </a:lnTo>
                <a:lnTo>
                  <a:pt x="4687035" y="3474"/>
                </a:lnTo>
                <a:lnTo>
                  <a:pt x="6425120" y="6002"/>
                </a:lnTo>
                <a:lnTo>
                  <a:pt x="6425120" y="2079630"/>
                </a:lnTo>
                <a:lnTo>
                  <a:pt x="6382761" y="2195856"/>
                </a:lnTo>
                <a:cubicBezTo>
                  <a:pt x="5933633" y="3428317"/>
                  <a:pt x="5377743" y="4955573"/>
                  <a:pt x="4941266" y="6153104"/>
                </a:cubicBezTo>
                <a:lnTo>
                  <a:pt x="4881157" y="6318000"/>
                </a:lnTo>
                <a:lnTo>
                  <a:pt x="0" y="6318000"/>
                </a:lnTo>
                <a:lnTo>
                  <a:pt x="69618" y="6127026"/>
                </a:lnTo>
                <a:cubicBezTo>
                  <a:pt x="710239" y="4369453"/>
                  <a:pt x="1518778" y="2148227"/>
                  <a:pt x="2202026" y="272957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 anchorCtr="1">
            <a:noAutofit/>
          </a:bodyPr>
          <a:lstStyle>
            <a:lvl1pPr marL="0" indent="0" algn="ctr">
              <a:buNone/>
              <a:defRPr sz="900" b="0" i="0">
                <a:solidFill>
                  <a:srgbClr val="FF2600"/>
                </a:solidFill>
                <a:latin typeface="+mn-lt"/>
              </a:defRPr>
            </a:lvl1pPr>
          </a:lstStyle>
          <a:p>
            <a:r>
              <a:rPr lang="de-DE" dirty="0"/>
              <a:t>Hier kann ein Titelbild eingefügt werden</a:t>
            </a:r>
          </a:p>
        </p:txBody>
      </p:sp>
      <p:pic>
        <p:nvPicPr>
          <p:cNvPr id="13" name="Grafik 12">
            <a:extLst>
              <a:ext uri="{FF2B5EF4-FFF2-40B4-BE49-F238E27FC236}">
                <a16:creationId xmlns:a16="http://schemas.microsoft.com/office/drawing/2014/main" id="{8287C6F2-2F15-0C43-A3C7-AC88CB71B52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1" name="Titelplatzhalter 1">
            <a:extLst>
              <a:ext uri="{FF2B5EF4-FFF2-40B4-BE49-F238E27FC236}">
                <a16:creationId xmlns:a16="http://schemas.microsoft.com/office/drawing/2014/main" id="{58317535-94C8-F842-BB15-C4C8F46C079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1360" y="2197815"/>
            <a:ext cx="7206991" cy="2659409"/>
          </a:xfrm>
          <a:prstGeom prst="rect">
            <a:avLst/>
          </a:prstGeom>
        </p:spPr>
        <p:txBody>
          <a:bodyPr vert="horz" lIns="0" tIns="0" rIns="0" bIns="0" rtlCol="0" anchor="t" anchorCtr="0">
            <a:normAutofit/>
          </a:bodyPr>
          <a:lstStyle>
            <a:lvl1pPr>
              <a:defRPr b="0" i="0">
                <a:latin typeface="+mj-lt"/>
              </a:defRPr>
            </a:lvl1pPr>
          </a:lstStyle>
          <a:p>
            <a:r>
              <a:rPr lang="de-DE" dirty="0"/>
              <a:t>Lorem ipsum dolor </a:t>
            </a:r>
            <a:r>
              <a:rPr lang="de-DE" dirty="0" err="1"/>
              <a:t>sit</a:t>
            </a:r>
            <a:r>
              <a:rPr lang="de-DE" dirty="0"/>
              <a:t> amet </a:t>
            </a:r>
            <a:r>
              <a:rPr lang="de-DE" dirty="0" err="1"/>
              <a:t>conseteturs</a:t>
            </a:r>
            <a:r>
              <a:rPr lang="de-DE" dirty="0"/>
              <a:t> </a:t>
            </a:r>
            <a:r>
              <a:rPr lang="de-DE" dirty="0" err="1"/>
              <a:t>adipscing</a:t>
            </a:r>
            <a:r>
              <a:rPr lang="de-DE" dirty="0"/>
              <a:t> elit</a:t>
            </a:r>
          </a:p>
        </p:txBody>
      </p:sp>
      <p:sp>
        <p:nvSpPr>
          <p:cNvPr id="8" name="Textplatzhalter 3">
            <a:extLst>
              <a:ext uri="{FF2B5EF4-FFF2-40B4-BE49-F238E27FC236}">
                <a16:creationId xmlns:a16="http://schemas.microsoft.com/office/drawing/2014/main" id="{A7F778FE-70C1-094E-BE78-7877D737975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08800" y="6407999"/>
            <a:ext cx="3600000" cy="360000"/>
          </a:xfrm>
          <a:prstGeom prst="rect">
            <a:avLst/>
          </a:prstGeom>
        </p:spPr>
        <p:txBody>
          <a:bodyPr anchor="ctr" anchorCtr="0"/>
          <a:lstStyle>
            <a:lvl1pPr marL="0" indent="0">
              <a:lnSpc>
                <a:spcPct val="100000"/>
              </a:lnSpc>
              <a:buNone/>
              <a:defRPr sz="1200" b="0" i="0">
                <a:latin typeface="+mn-lt"/>
              </a:defRPr>
            </a:lvl1pPr>
          </a:lstStyle>
          <a:p>
            <a:r>
              <a:rPr lang="de-DE" dirty="0" err="1"/>
              <a:t>webadresse.de</a:t>
            </a:r>
            <a:endParaRPr lang="de-DE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CB6B97A-FAFD-41F2-9C77-D9D861F2DAD6}"/>
              </a:ext>
            </a:extLst>
          </p:cNvPr>
          <p:cNvSpPr/>
          <p:nvPr userDrawn="1"/>
        </p:nvSpPr>
        <p:spPr>
          <a:xfrm>
            <a:off x="7531100" y="6463874"/>
            <a:ext cx="441956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b="1" dirty="0">
                <a:solidFill>
                  <a:schemeClr val="accent1"/>
                </a:solidFill>
                <a:effectLst/>
                <a:latin typeface="+mn-lt"/>
                <a:ea typeface="MetaPro-Light" panose="020B0504030101020102" pitchFamily="34" charset="0"/>
              </a:rPr>
              <a:t>FUNKE</a:t>
            </a:r>
            <a:r>
              <a:rPr lang="de-DE" sz="1000" dirty="0">
                <a:solidFill>
                  <a:srgbClr val="000000"/>
                </a:solidFill>
                <a:effectLst/>
                <a:latin typeface="+mn-lt"/>
                <a:ea typeface="MetaPro-Light" panose="020B0504030101020102" pitchFamily="34" charset="0"/>
              </a:rPr>
              <a:t> Mediengruppe</a:t>
            </a:r>
            <a:endParaRPr lang="de-DE" sz="1000" dirty="0">
              <a:latin typeface="+mn-lt"/>
            </a:endParaRPr>
          </a:p>
        </p:txBody>
      </p:sp>
      <p:sp>
        <p:nvSpPr>
          <p:cNvPr id="4" name="text" descr="{&quot;templafy&quot;:{&quot;id&quot;:&quot;4d776108-e986-49e1-9aea-8dbbfbf4acdb&quot;}}" title="Form.PLogoInsertion.Pp_LogoTagline">
            <a:extLst>
              <a:ext uri="{FF2B5EF4-FFF2-40B4-BE49-F238E27FC236}">
                <a16:creationId xmlns:a16="http://schemas.microsoft.com/office/drawing/2014/main" id="{0C921017-00F9-4720-958D-A2333BC40DF8}"/>
              </a:ext>
            </a:extLst>
          </p:cNvPr>
          <p:cNvSpPr/>
          <p:nvPr userDrawn="1"/>
        </p:nvSpPr>
        <p:spPr>
          <a:xfrm>
            <a:off x="7421880" y="6463874"/>
            <a:ext cx="3355300" cy="260950"/>
          </a:xfrm>
          <a:prstGeom prst="rect">
            <a:avLst/>
          </a:prstGeom>
          <a:noFill/>
          <a:ln w="19050">
            <a:noFill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de-DE" sz="1000" dirty="0">
                <a:solidFill>
                  <a:schemeClr val="tx1"/>
                </a:solidFill>
                <a:latin typeface="+mn-lt"/>
              </a:rPr>
              <a:t>Ein Unternehmensbereich der</a:t>
            </a:r>
          </a:p>
        </p:txBody>
      </p:sp>
      <p:pic>
        <p:nvPicPr>
          <p:cNvPr id="1211884503" name="image" descr="{&quot;templafy&quot;:{&quot;id&quot;:&quot;66211d98-3154-4935-83b1-24eb7deb178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0775" y="216801"/>
            <a:ext cx="189134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37734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PT Inhaltsverzeichnis – Dachmarke mit Submarkenzusatz (3-zeilig ohne Unterläng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Grafik 13">
            <a:extLst>
              <a:ext uri="{FF2B5EF4-FFF2-40B4-BE49-F238E27FC236}">
                <a16:creationId xmlns:a16="http://schemas.microsoft.com/office/drawing/2014/main" id="{A6F24421-1ED0-A749-A3FA-06E297E79CE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0" name="Datumsplatzhalter 3">
            <a:extLst>
              <a:ext uri="{FF2B5EF4-FFF2-40B4-BE49-F238E27FC236}">
                <a16:creationId xmlns:a16="http://schemas.microsoft.com/office/drawing/2014/main" id="{066DCF27-BB06-3444-8EAF-A08D4E8F980F}"/>
              </a:ext>
            </a:extLst>
          </p:cNvPr>
          <p:cNvSpPr txBox="1">
            <a:spLocks/>
          </p:cNvSpPr>
          <p:nvPr userDrawn="1"/>
        </p:nvSpPr>
        <p:spPr>
          <a:xfrm>
            <a:off x="8737168" y="6412309"/>
            <a:ext cx="1968074" cy="360000"/>
          </a:xfrm>
          <a:prstGeom prst="rect">
            <a:avLst/>
          </a:prstGeom>
        </p:spPr>
        <p:txBody>
          <a:bodyPr vert="horz" lIns="91440" tIns="54000" rIns="91440" bIns="54000" rtlCol="0" anchor="ctr"/>
          <a:lstStyle>
            <a:defPPr>
              <a:defRPr lang="de-DE"/>
            </a:defPPr>
            <a:lvl1pPr marL="0" algn="l" defTabSz="914400" rtl="0" eaLnBrk="1" latinLnBrk="0" hangingPunct="1">
              <a:defRPr lang="de-DE" sz="1200" b="0" i="0" kern="1200" smtClean="0">
                <a:solidFill>
                  <a:schemeClr val="tx1"/>
                </a:solidFill>
                <a:effectLst/>
                <a:latin typeface="MetaPro-Light" panose="020B0504030101020102" pitchFamily="34" charset="0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3B0C85F7-7663-A442-8C6B-E3D258E7FF06}" type="datetime1">
              <a:rPr lang="de-DE" sz="800" b="0" i="0" spc="50" baseline="0" smtClean="0">
                <a:latin typeface="MetaPro-Norm" panose="020B0504030101020102" pitchFamily="34" charset="0"/>
              </a:rPr>
              <a:t>31.10.2023</a:t>
            </a:fld>
            <a:endParaRPr lang="de-DE" sz="800" b="0" i="0" spc="50" baseline="0" dirty="0">
              <a:latin typeface="MetaPro-Norm" panose="020B0504030101020102" pitchFamily="34" charset="0"/>
            </a:endParaRPr>
          </a:p>
        </p:txBody>
      </p:sp>
      <p:sp>
        <p:nvSpPr>
          <p:cNvPr id="11" name="Datumsplatzhalter 3">
            <a:extLst>
              <a:ext uri="{FF2B5EF4-FFF2-40B4-BE49-F238E27FC236}">
                <a16:creationId xmlns:a16="http://schemas.microsoft.com/office/drawing/2014/main" id="{8C4A88E9-935C-D442-A007-004AB5694699}"/>
              </a:ext>
            </a:extLst>
          </p:cNvPr>
          <p:cNvSpPr txBox="1">
            <a:spLocks/>
          </p:cNvSpPr>
          <p:nvPr userDrawn="1"/>
        </p:nvSpPr>
        <p:spPr>
          <a:xfrm>
            <a:off x="11307337" y="6412309"/>
            <a:ext cx="723599" cy="360000"/>
          </a:xfrm>
          <a:prstGeom prst="rect">
            <a:avLst/>
          </a:prstGeom>
        </p:spPr>
        <p:txBody>
          <a:bodyPr vert="horz" lIns="91440" tIns="54000" rIns="91440" bIns="54000" rtlCol="0" anchor="ctr"/>
          <a:lstStyle>
            <a:defPPr>
              <a:defRPr lang="de-DE"/>
            </a:defPPr>
            <a:lvl1pPr marL="0" algn="l" defTabSz="914400" rtl="0" eaLnBrk="1" latinLnBrk="0" hangingPunct="1">
              <a:defRPr lang="de-DE" sz="1200" b="0" i="0" kern="1200" smtClean="0">
                <a:solidFill>
                  <a:schemeClr val="tx1"/>
                </a:solidFill>
                <a:effectLst/>
                <a:latin typeface="MetaPro-Light" panose="020B0504030101020102" pitchFamily="34" charset="0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FFD47F23-BDE3-E74F-AD09-88E6389E5D9A}" type="slidenum">
              <a:rPr lang="de-DE" sz="800" b="0" i="0" spc="50" baseline="0" smtClean="0">
                <a:latin typeface="MetaPro-Norm" panose="020B0504030101020102" pitchFamily="34" charset="0"/>
              </a:rPr>
              <a:t>‹Nr.›</a:t>
            </a:fld>
            <a:endParaRPr lang="de-DE" sz="800" b="0" i="0" spc="50" baseline="0" dirty="0">
              <a:latin typeface="MetaPro-Norm" panose="020B0504030101020102" pitchFamily="34" charset="0"/>
            </a:endParaRPr>
          </a:p>
        </p:txBody>
      </p:sp>
      <p:sp>
        <p:nvSpPr>
          <p:cNvPr id="35" name="Textplatzhalter 11">
            <a:extLst>
              <a:ext uri="{FF2B5EF4-FFF2-40B4-BE49-F238E27FC236}">
                <a16:creationId xmlns:a16="http://schemas.microsoft.com/office/drawing/2014/main" id="{BAEE3496-F19A-0446-B151-9B79ECC43B74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32000" y="1332000"/>
            <a:ext cx="7740000" cy="4320000"/>
          </a:xfrm>
          <a:prstGeom prst="rect">
            <a:avLst/>
          </a:prstGeom>
        </p:spPr>
        <p:txBody>
          <a:bodyPr lIns="90000"/>
          <a:lstStyle>
            <a:lvl1pPr marL="742950" indent="-742950">
              <a:lnSpc>
                <a:spcPts val="5200"/>
              </a:lnSpc>
              <a:spcBef>
                <a:spcPts val="0"/>
              </a:spcBef>
              <a:buClr>
                <a:srgbClr val="FF2600"/>
              </a:buClr>
              <a:buFont typeface="+mj-lt"/>
              <a:buAutoNum type="arabicPeriod"/>
              <a:defRPr sz="4200" b="0" i="0">
                <a:latin typeface="+mn-lt"/>
              </a:defRPr>
            </a:lvl1pPr>
            <a:lvl2pPr marL="573088" indent="0">
              <a:buClr>
                <a:schemeClr val="accent1"/>
              </a:buClr>
              <a:buNone/>
              <a:defRPr/>
            </a:lvl2pPr>
          </a:lstStyle>
          <a:p>
            <a:r>
              <a:rPr lang="de-DE" dirty="0"/>
              <a:t>Mastertextformat bearbeiten
Zweite Ebene
Dritte Ebene
Vierte Ebene
Fünfte Ebene</a:t>
            </a:r>
          </a:p>
        </p:txBody>
      </p:sp>
      <p:sp>
        <p:nvSpPr>
          <p:cNvPr id="15" name="Textplatzhalter 5">
            <a:extLst>
              <a:ext uri="{FF2B5EF4-FFF2-40B4-BE49-F238E27FC236}">
                <a16:creationId xmlns:a16="http://schemas.microsoft.com/office/drawing/2014/main" id="{C1AD583D-26B9-E14B-B8B9-D003CBF1A47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161200" y="6379200"/>
            <a:ext cx="2376000" cy="269250"/>
          </a:xfrm>
          <a:prstGeom prst="rect">
            <a:avLst/>
          </a:prstGeom>
        </p:spPr>
        <p:txBody>
          <a:bodyPr lIns="0" tIns="0" rIns="0" bIns="0" anchor="b" anchorCtr="0"/>
          <a:lstStyle>
            <a:lvl1pPr marL="0" indent="0">
              <a:lnSpc>
                <a:spcPts val="1000"/>
              </a:lnSpc>
              <a:spcBef>
                <a:spcPts val="0"/>
              </a:spcBef>
              <a:buNone/>
              <a:defRPr sz="800" cap="all" spc="50" baseline="0">
                <a:latin typeface="MetaPro-Norm" panose="020B0504030101020102" pitchFamily="34" charset="0"/>
              </a:defRPr>
            </a:lvl1pPr>
          </a:lstStyle>
          <a:p>
            <a:r>
              <a:rPr lang="de-DE" dirty="0"/>
              <a:t>Titulierung </a:t>
            </a:r>
            <a:r>
              <a:rPr lang="de-DE" dirty="0" err="1"/>
              <a:t>Xyz</a:t>
            </a:r>
          </a:p>
        </p:txBody>
      </p:sp>
    </p:spTree>
    <p:extLst>
      <p:ext uri="{BB962C8B-B14F-4D97-AF65-F5344CB8AC3E}">
        <p14:creationId xmlns:p14="http://schemas.microsoft.com/office/powerpoint/2010/main" val="332922310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PPT Inhaltsseite –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fik 7">
            <a:extLst>
              <a:ext uri="{FF2B5EF4-FFF2-40B4-BE49-F238E27FC236}">
                <a16:creationId xmlns:a16="http://schemas.microsoft.com/office/drawing/2014/main" id="{EE60DB78-E99A-1E4C-BCF7-0D3294DC807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9" name="Datumsplatzhalter 3">
            <a:extLst>
              <a:ext uri="{FF2B5EF4-FFF2-40B4-BE49-F238E27FC236}">
                <a16:creationId xmlns:a16="http://schemas.microsoft.com/office/drawing/2014/main" id="{874ECC10-9989-6B41-8F46-D3C4E7708BAC}"/>
              </a:ext>
            </a:extLst>
          </p:cNvPr>
          <p:cNvSpPr txBox="1">
            <a:spLocks/>
          </p:cNvSpPr>
          <p:nvPr userDrawn="1"/>
        </p:nvSpPr>
        <p:spPr>
          <a:xfrm>
            <a:off x="8737168" y="6412309"/>
            <a:ext cx="1968074" cy="360000"/>
          </a:xfrm>
          <a:prstGeom prst="rect">
            <a:avLst/>
          </a:prstGeom>
        </p:spPr>
        <p:txBody>
          <a:bodyPr vert="horz" lIns="91440" tIns="54000" rIns="91440" bIns="54000" rtlCol="0" anchor="ctr"/>
          <a:lstStyle>
            <a:defPPr>
              <a:defRPr lang="de-DE"/>
            </a:defPPr>
            <a:lvl1pPr marL="0" algn="l" defTabSz="914400" rtl="0" eaLnBrk="1" latinLnBrk="0" hangingPunct="1">
              <a:defRPr lang="de-DE" sz="1200" b="0" i="0" kern="1200" smtClean="0">
                <a:solidFill>
                  <a:schemeClr val="tx1"/>
                </a:solidFill>
                <a:effectLst/>
                <a:latin typeface="MetaPro-Light" panose="020B0504030101020102" pitchFamily="34" charset="0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3B0C85F7-7663-A442-8C6B-E3D258E7FF06}" type="datetime1">
              <a:rPr lang="de-DE" sz="800" b="0" i="0" spc="50" baseline="0" smtClean="0">
                <a:latin typeface="MetaPro-Norm" panose="020B0504030101020102" pitchFamily="34" charset="0"/>
              </a:rPr>
              <a:t>31.10.2023</a:t>
            </a:fld>
            <a:endParaRPr lang="de-DE" sz="800" b="0" i="0" spc="50" baseline="0" dirty="0">
              <a:latin typeface="MetaPro-Norm" panose="020B0504030101020102" pitchFamily="34" charset="0"/>
            </a:endParaRPr>
          </a:p>
        </p:txBody>
      </p:sp>
      <p:sp>
        <p:nvSpPr>
          <p:cNvPr id="10" name="Datumsplatzhalter 3">
            <a:extLst>
              <a:ext uri="{FF2B5EF4-FFF2-40B4-BE49-F238E27FC236}">
                <a16:creationId xmlns:a16="http://schemas.microsoft.com/office/drawing/2014/main" id="{185C7FC3-DE84-A340-8EA2-90247080C6CF}"/>
              </a:ext>
            </a:extLst>
          </p:cNvPr>
          <p:cNvSpPr txBox="1">
            <a:spLocks/>
          </p:cNvSpPr>
          <p:nvPr userDrawn="1"/>
        </p:nvSpPr>
        <p:spPr>
          <a:xfrm>
            <a:off x="11307337" y="6412309"/>
            <a:ext cx="723599" cy="360000"/>
          </a:xfrm>
          <a:prstGeom prst="rect">
            <a:avLst/>
          </a:prstGeom>
        </p:spPr>
        <p:txBody>
          <a:bodyPr vert="horz" lIns="91440" tIns="54000" rIns="91440" bIns="54000" rtlCol="0" anchor="ctr"/>
          <a:lstStyle>
            <a:defPPr>
              <a:defRPr lang="de-DE"/>
            </a:defPPr>
            <a:lvl1pPr marL="0" algn="l" defTabSz="914400" rtl="0" eaLnBrk="1" latinLnBrk="0" hangingPunct="1">
              <a:defRPr lang="de-DE" sz="1200" b="0" i="0" kern="1200" smtClean="0">
                <a:solidFill>
                  <a:schemeClr val="tx1"/>
                </a:solidFill>
                <a:effectLst/>
                <a:latin typeface="MetaPro-Light" panose="020B0504030101020102" pitchFamily="34" charset="0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fld id="{FFD47F23-BDE3-E74F-AD09-88E6389E5D9A}" type="slidenum">
              <a:rPr lang="de-DE" sz="800" b="0" i="0" spc="50" baseline="0" smtClean="0">
                <a:latin typeface="MetaPro-Norm" panose="020B0504030101020102" pitchFamily="34" charset="0"/>
              </a:rPr>
              <a:t>‹Nr.›</a:t>
            </a:fld>
            <a:endParaRPr lang="de-DE" sz="800" b="0" i="0" spc="50" baseline="0" dirty="0">
              <a:latin typeface="MetaPro-Norm" panose="020B0504030101020102" pitchFamily="34" charset="0"/>
            </a:endParaRPr>
          </a:p>
        </p:txBody>
      </p:sp>
      <p:sp>
        <p:nvSpPr>
          <p:cNvPr id="16" name="Textplatzhalter 8">
            <a:extLst>
              <a:ext uri="{FF2B5EF4-FFF2-40B4-BE49-F238E27FC236}">
                <a16:creationId xmlns:a16="http://schemas.microsoft.com/office/drawing/2014/main" id="{29D9FE15-40C1-DD47-8C48-6A054409630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080000" y="2160000"/>
            <a:ext cx="10080000" cy="3498850"/>
          </a:xfrm>
          <a:prstGeom prst="rect">
            <a:avLst/>
          </a:prstGeom>
        </p:spPr>
        <p:txBody>
          <a:bodyPr/>
          <a:lstStyle>
            <a:lvl1pPr marL="0" indent="0">
              <a:lnSpc>
                <a:spcPts val="3200"/>
              </a:lnSpc>
              <a:spcBef>
                <a:spcPts val="0"/>
              </a:spcBef>
              <a:buClr>
                <a:schemeClr val="accent1"/>
              </a:buClr>
              <a:buFont typeface="Arial" panose="020B0604020202020204" pitchFamily="34" charset="0"/>
              <a:buNone/>
              <a:defRPr sz="2400" b="0" i="0">
                <a:latin typeface="+mn-lt"/>
              </a:defRPr>
            </a:lvl1pPr>
          </a:lstStyle>
          <a:p>
            <a:r>
              <a:rPr lang="de-DE" dirty="0"/>
              <a:t>Hier kann ein </a:t>
            </a:r>
            <a:r>
              <a:rPr lang="de-DE" dirty="0" err="1"/>
              <a:t>Copytext</a:t>
            </a:r>
            <a:r>
              <a:rPr lang="de-DE" dirty="0"/>
              <a:t> in 24pt über mehrere Zeilen laufen. Lorem ipsum dolor </a:t>
            </a:r>
            <a:r>
              <a:rPr lang="de-DE" dirty="0" err="1"/>
              <a:t>sit</a:t>
            </a:r>
            <a:r>
              <a:rPr lang="de-DE" dirty="0"/>
              <a:t> amet, consectetuer adipiscing elit. Maecenas porttitor congue massa. </a:t>
            </a:r>
            <a:r>
              <a:rPr lang="de-DE" dirty="0" err="1"/>
              <a:t>Fusce</a:t>
            </a:r>
            <a:r>
              <a:rPr lang="de-DE" dirty="0"/>
              <a:t> </a:t>
            </a:r>
            <a:r>
              <a:rPr lang="de-DE" dirty="0" err="1"/>
              <a:t>posuere</a:t>
            </a:r>
            <a:r>
              <a:rPr lang="de-DE" dirty="0"/>
              <a:t>, magna sed </a:t>
            </a:r>
            <a:r>
              <a:rPr lang="de-DE" dirty="0" err="1"/>
              <a:t>pulvinar</a:t>
            </a:r>
            <a:r>
              <a:rPr lang="de-DE" dirty="0"/>
              <a:t> </a:t>
            </a:r>
            <a:r>
              <a:rPr lang="de-DE" dirty="0" err="1"/>
              <a:t>ultricies</a:t>
            </a:r>
            <a:r>
              <a:rPr lang="de-DE" dirty="0"/>
              <a:t>, </a:t>
            </a:r>
            <a:r>
              <a:rPr lang="de-DE" dirty="0" err="1"/>
              <a:t>purus</a:t>
            </a:r>
            <a:r>
              <a:rPr lang="de-DE" dirty="0"/>
              <a:t> </a:t>
            </a:r>
            <a:r>
              <a:rPr lang="de-DE" dirty="0" err="1"/>
              <a:t>lectus</a:t>
            </a:r>
            <a:r>
              <a:rPr lang="de-DE" dirty="0"/>
              <a:t> </a:t>
            </a:r>
            <a:r>
              <a:rPr lang="de-DE" dirty="0" err="1"/>
              <a:t>malesuada</a:t>
            </a:r>
            <a:r>
              <a:rPr lang="de-DE" dirty="0"/>
              <a:t> </a:t>
            </a:r>
            <a:r>
              <a:rPr lang="de-DE" dirty="0" err="1"/>
              <a:t>libero</a:t>
            </a:r>
            <a:r>
              <a:rPr lang="de-DE" dirty="0"/>
              <a:t>, </a:t>
            </a:r>
            <a:r>
              <a:rPr lang="de-DE" dirty="0" err="1"/>
              <a:t>sit</a:t>
            </a:r>
            <a:r>
              <a:rPr lang="de-DE" dirty="0"/>
              <a:t> amet commodo magna </a:t>
            </a:r>
            <a:r>
              <a:rPr lang="de-DE" dirty="0" err="1"/>
              <a:t>eros</a:t>
            </a:r>
            <a:r>
              <a:rPr lang="de-DE" dirty="0"/>
              <a:t> </a:t>
            </a:r>
            <a:r>
              <a:rPr lang="de-DE" dirty="0" err="1"/>
              <a:t>quis</a:t>
            </a:r>
            <a:r>
              <a:rPr lang="de-DE" dirty="0"/>
              <a:t> </a:t>
            </a:r>
            <a:r>
              <a:rPr lang="de-DE" dirty="0" err="1"/>
              <a:t>urna</a:t>
            </a:r>
            <a:endParaRPr lang="de-DE" dirty="0"/>
          </a:p>
        </p:txBody>
      </p:sp>
      <p:sp>
        <p:nvSpPr>
          <p:cNvPr id="13" name="Textplatzhalter 5">
            <a:extLst>
              <a:ext uri="{FF2B5EF4-FFF2-40B4-BE49-F238E27FC236}">
                <a16:creationId xmlns:a16="http://schemas.microsoft.com/office/drawing/2014/main" id="{5794A24E-66D1-1F4A-8E3B-3F8BBFEBA8E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080000" y="648000"/>
            <a:ext cx="10080000" cy="11448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3500" b="0" i="0">
                <a:latin typeface="+mj-lt"/>
              </a:defRPr>
            </a:lvl1pPr>
          </a:lstStyle>
          <a:p>
            <a:r>
              <a:rPr lang="de-DE" dirty="0"/>
              <a:t>Hier kann eine Headline stehen in 35pt –</a:t>
            </a:r>
            <a:br>
              <a:rPr lang="de-DE" dirty="0"/>
            </a:br>
            <a:r>
              <a:rPr lang="de-DE" dirty="0"/>
              <a:t>ein- oder zweizeilig</a:t>
            </a:r>
          </a:p>
        </p:txBody>
      </p:sp>
      <p:sp>
        <p:nvSpPr>
          <p:cNvPr id="14" name="Textplatzhalter 5">
            <a:extLst>
              <a:ext uri="{FF2B5EF4-FFF2-40B4-BE49-F238E27FC236}">
                <a16:creationId xmlns:a16="http://schemas.microsoft.com/office/drawing/2014/main" id="{B2502650-C354-1041-BC8C-5F04303F5F5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161200" y="6379200"/>
            <a:ext cx="2376000" cy="269250"/>
          </a:xfrm>
          <a:prstGeom prst="rect">
            <a:avLst/>
          </a:prstGeom>
        </p:spPr>
        <p:txBody>
          <a:bodyPr lIns="0" tIns="0" rIns="0" bIns="0" anchor="b" anchorCtr="0"/>
          <a:lstStyle>
            <a:lvl1pPr marL="0" indent="0">
              <a:lnSpc>
                <a:spcPts val="1000"/>
              </a:lnSpc>
              <a:spcBef>
                <a:spcPts val="0"/>
              </a:spcBef>
              <a:buNone/>
              <a:defRPr sz="800" cap="all" spc="50" baseline="0">
                <a:latin typeface="MetaPro-Norm" panose="020B0504030101020102" pitchFamily="34" charset="0"/>
              </a:defRPr>
            </a:lvl1pPr>
          </a:lstStyle>
          <a:p>
            <a:r>
              <a:rPr lang="de-DE" dirty="0"/>
              <a:t>Titulierung </a:t>
            </a:r>
            <a:r>
              <a:rPr lang="de-DE" dirty="0" err="1"/>
              <a:t>Xyz</a:t>
            </a:r>
          </a:p>
        </p:txBody>
      </p:sp>
    </p:spTree>
    <p:extLst>
      <p:ext uri="{BB962C8B-B14F-4D97-AF65-F5344CB8AC3E}">
        <p14:creationId xmlns:p14="http://schemas.microsoft.com/office/powerpoint/2010/main" val="12282331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PPT Logo – Übersicht Abbildungsgröß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22404611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image" Target="../media/image1.png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2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06905573" name="image" descr="{&quot;templafy&quot;:{&quot;id&quot;:&quot;1a842654-7818-45fa-8885-1de0c3fa1cea&quot;}}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499608" y="5484115"/>
            <a:ext cx="1548000" cy="11390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7964244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2" r:id="rId1"/>
    <p:sldLayoutId id="2147483705" r:id="rId2"/>
    <p:sldLayoutId id="2147483715" r:id="rId3"/>
    <p:sldLayoutId id="2147483669" r:id="rId4"/>
    <p:sldLayoutId id="2147483706" r:id="rId5"/>
    <p:sldLayoutId id="2147483717" r:id="rId6"/>
    <p:sldLayoutId id="2147483759" r:id="rId7"/>
    <p:sldLayoutId id="2147483732" r:id="rId8"/>
    <p:sldLayoutId id="2147483748" r:id="rId9"/>
    <p:sldLayoutId id="2147483757" r:id="rId10"/>
    <p:sldLayoutId id="2147483758" r:id="rId11"/>
  </p:sldLayoutIdLst>
  <p:txStyles>
    <p:titleStyle>
      <a:lvl1pPr algn="l" defTabSz="914400" rtl="0" eaLnBrk="1" latinLnBrk="0" hangingPunct="1">
        <a:lnSpc>
          <a:spcPts val="5000"/>
        </a:lnSpc>
        <a:spcBef>
          <a:spcPct val="0"/>
        </a:spcBef>
        <a:buNone/>
        <a:defRPr sz="4500" b="0" i="0" kern="1200">
          <a:solidFill>
            <a:schemeClr val="tx1"/>
          </a:solidFill>
          <a:latin typeface="MetaPro-Light" panose="020B0504030101020102" pitchFamily="34" charset="0"/>
          <a:ea typeface="+mj-ea"/>
          <a:cs typeface="Arial" panose="020B0604020202020204" pitchFamily="34" charset="0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 userDrawn="1">
          <p15:clr>
            <a:srgbClr val="F26B43"/>
          </p15:clr>
        </p15:guide>
        <p15:guide id="2" pos="384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7.xml"/><Relationship Id="rId4" Type="http://schemas.openxmlformats.org/officeDocument/2006/relationships/image" Target="../media/image9.jp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5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hyperlink" Target="https://accounts.google.com/signup/v2/webcreateaccount?flowName=GlifWebSignIn&amp;flowEntry=SignUp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1.xml"/><Relationship Id="rId4" Type="http://schemas.openxmlformats.org/officeDocument/2006/relationships/image" Target="../media/image12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2.xml"/><Relationship Id="rId4" Type="http://schemas.openxmlformats.org/officeDocument/2006/relationships/image" Target="../media/image1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14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>
            <a:extLst>
              <a:ext uri="{FF2B5EF4-FFF2-40B4-BE49-F238E27FC236}">
                <a16:creationId xmlns:a16="http://schemas.microsoft.com/office/drawing/2014/main" id="{3C87EC43-732C-4DC3-BB0D-226C4ABB4BB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F99EF909-178A-45CF-8DA6-2770A64FC13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1" y="1433945"/>
            <a:ext cx="5016000" cy="1995056"/>
          </a:xfrm>
        </p:spPr>
        <p:txBody>
          <a:bodyPr/>
          <a:lstStyle/>
          <a:p>
            <a:r>
              <a:rPr lang="de-DE" dirty="0"/>
              <a:t>Verknüpfung der Funkemedien.de Email Adresse mit einem Google Konto</a:t>
            </a:r>
          </a:p>
        </p:txBody>
      </p:sp>
      <p:pic>
        <p:nvPicPr>
          <p:cNvPr id="6" name="Bildplatzhalter 7">
            <a:extLst>
              <a:ext uri="{FF2B5EF4-FFF2-40B4-BE49-F238E27FC236}">
                <a16:creationId xmlns:a16="http://schemas.microsoft.com/office/drawing/2014/main" id="{FF4916C5-D832-0665-0439-CE053EFB1312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 rotWithShape="1">
          <a:blip r:embed="rId4"/>
          <a:srcRect l="16585" r="16585"/>
          <a:stretch/>
        </p:blipFill>
        <p:spPr>
          <a:xfrm>
            <a:off x="5867400" y="0"/>
            <a:ext cx="6324600" cy="6318250"/>
          </a:xfrm>
          <a:custGeom>
            <a:avLst/>
            <a:gdLst>
              <a:gd name="connsiteX0" fmla="*/ 2305278 w 6323917"/>
              <a:gd name="connsiteY0" fmla="*/ 0 h 6318000"/>
              <a:gd name="connsiteX1" fmla="*/ 6323917 w 6323917"/>
              <a:gd name="connsiteY1" fmla="*/ 0 h 6318000"/>
              <a:gd name="connsiteX2" fmla="*/ 6323917 w 6323917"/>
              <a:gd name="connsiteY2" fmla="*/ 6318000 h 6318000"/>
              <a:gd name="connsiteX3" fmla="*/ 0 w 6323917"/>
              <a:gd name="connsiteY3" fmla="*/ 6318000 h 6318000"/>
              <a:gd name="connsiteX4" fmla="*/ 51721 w 6323917"/>
              <a:gd name="connsiteY4" fmla="*/ 6176118 h 6318000"/>
              <a:gd name="connsiteX5" fmla="*/ 2305278 w 6323917"/>
              <a:gd name="connsiteY5" fmla="*/ 0 h 631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6323917" h="6318000">
                <a:moveTo>
                  <a:pt x="2305278" y="0"/>
                </a:moveTo>
                <a:lnTo>
                  <a:pt x="6323917" y="0"/>
                </a:lnTo>
                <a:lnTo>
                  <a:pt x="6323917" y="6318000"/>
                </a:lnTo>
                <a:lnTo>
                  <a:pt x="0" y="6318000"/>
                </a:lnTo>
                <a:lnTo>
                  <a:pt x="51721" y="6176118"/>
                </a:lnTo>
                <a:cubicBezTo>
                  <a:pt x="927931" y="3772196"/>
                  <a:pt x="2297588" y="5768"/>
                  <a:pt x="2305278" y="0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2328534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FB03F1-B3A0-4988-9485-5EF2B1D2C23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80000" y="2160000"/>
            <a:ext cx="4842818" cy="3498850"/>
          </a:xfrm>
        </p:spPr>
        <p:txBody>
          <a:bodyPr/>
          <a:lstStyle/>
          <a:p>
            <a:r>
              <a:rPr lang="de-DE" dirty="0"/>
              <a:t>Öffnen Sie diese Anmelde-Seite von Google:</a:t>
            </a:r>
          </a:p>
          <a:p>
            <a:r>
              <a:rPr lang="de-DE" dirty="0">
                <a:hlinkClick r:id="rId4"/>
              </a:rPr>
              <a:t>https://accounts.google.com/signup/v2/webcreateaccount?flowName=GlifWebSignIn&amp;flowEntry=SignUp</a:t>
            </a:r>
            <a:endParaRPr lang="de-DE" dirty="0"/>
          </a:p>
          <a:p>
            <a:endParaRPr lang="de-DE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F7D18C3-B44F-400C-8CA2-8B3698055F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de-DE" dirty="0"/>
              <a:t>1. Anmeldeseite öffnen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970FED4D-7242-4543-95B4-79CFE9B954A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0EAD9D78-E664-C18C-E838-4CAC9DBF017A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/>
          <a:stretch/>
        </p:blipFill>
        <p:spPr>
          <a:xfrm>
            <a:off x="6330617" y="208519"/>
            <a:ext cx="2661541" cy="2979079"/>
          </a:xfrm>
          <a:prstGeom prst="rect">
            <a:avLst/>
          </a:prstGeom>
        </p:spPr>
      </p:pic>
      <p:pic>
        <p:nvPicPr>
          <p:cNvPr id="9" name="Grafik 8">
            <a:extLst>
              <a:ext uri="{FF2B5EF4-FFF2-40B4-BE49-F238E27FC236}">
                <a16:creationId xmlns:a16="http://schemas.microsoft.com/office/drawing/2014/main" id="{21925F24-FB5C-3154-F252-C291218E9B8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992158" y="3010617"/>
            <a:ext cx="2919435" cy="328279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1513289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FB03F1-B3A0-4988-9485-5EF2B1D2C23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80000" y="2160000"/>
            <a:ext cx="5016000" cy="3498850"/>
          </a:xfrm>
        </p:spPr>
        <p:txBody>
          <a:bodyPr/>
          <a:lstStyle/>
          <a:p>
            <a:r>
              <a:rPr lang="de-DE" dirty="0"/>
              <a:t>Statt eine </a:t>
            </a:r>
            <a:r>
              <a:rPr lang="de-DE" dirty="0" err="1"/>
              <a:t>gmail</a:t>
            </a:r>
            <a:r>
              <a:rPr lang="de-DE" dirty="0"/>
              <a:t>-Adresse anzulegen, klicken Sie auf „Stattdessen meine Vorhandende E-Mail Adresse verwenden“</a:t>
            </a:r>
          </a:p>
          <a:p>
            <a:endParaRPr lang="de-DE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F7D18C3-B44F-400C-8CA2-8B3698055F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de-DE" dirty="0"/>
              <a:t>2. Aktuelle Email Adresse verwenden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970FED4D-7242-4543-95B4-79CFE9B954A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2436421A-1C5F-6F09-EB4B-A1B88899699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271421" y="1220400"/>
            <a:ext cx="4315427" cy="482032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8215180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FB03F1-B3A0-4988-9485-5EF2B1D2C23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80000" y="2160000"/>
            <a:ext cx="5016000" cy="3498850"/>
          </a:xfrm>
        </p:spPr>
        <p:txBody>
          <a:bodyPr/>
          <a:lstStyle/>
          <a:p>
            <a:r>
              <a:rPr lang="de-DE" dirty="0"/>
              <a:t>Hinterlegen Sie Ihre Unternehmens-Email Adresse– Klick auf "Weiter"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F7D18C3-B44F-400C-8CA2-8B3698055F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de-DE" dirty="0"/>
              <a:t>3. Unternehmens-Email Adresse hinterlegen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970FED4D-7242-4543-95B4-79CFE9B954A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592BBC01-3F0C-8387-920C-93496D82380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40550" y="1179038"/>
            <a:ext cx="4363059" cy="487748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6431863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FB03F1-B3A0-4988-9485-5EF2B1D2C23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80000" y="2160000"/>
            <a:ext cx="5016000" cy="3498850"/>
          </a:xfrm>
        </p:spPr>
        <p:txBody>
          <a:bodyPr/>
          <a:lstStyle/>
          <a:p>
            <a:r>
              <a:rPr lang="de-DE" dirty="0"/>
              <a:t>Nach Klick auf Weiter, wird ein Code an Ihre Funkemedien.de Email Adresse gesendet, zur Überprüfung, dass es sich um die eigene Email Adresse handelt.</a:t>
            </a:r>
          </a:p>
          <a:p>
            <a:r>
              <a:rPr lang="de-DE" dirty="0"/>
              <a:t>Geben Sie den Code aus der Email dort ein.</a:t>
            </a:r>
          </a:p>
          <a:p>
            <a:endParaRPr lang="de-DE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F7D18C3-B44F-400C-8CA2-8B3698055F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de-DE" dirty="0"/>
              <a:t>4. Email Adresse bestätigen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970FED4D-7242-4543-95B4-79CFE9B954A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20A5EF63-0D05-B475-D4C6-2E463C3C1B9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740960" y="933101"/>
            <a:ext cx="4467849" cy="499179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0325951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FB03F1-B3A0-4988-9485-5EF2B1D2C23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80000" y="2160000"/>
            <a:ext cx="5016000" cy="3498850"/>
          </a:xfrm>
        </p:spPr>
        <p:txBody>
          <a:bodyPr/>
          <a:lstStyle/>
          <a:p>
            <a:r>
              <a:rPr lang="de-DE" dirty="0"/>
              <a:t>Es folgen weitere Felder zum Ausfüllen, danach ist das Google Konto erstellt.</a:t>
            </a:r>
          </a:p>
          <a:p>
            <a:endParaRPr lang="de-DE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F7D18C3-B44F-400C-8CA2-8B3698055F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de-DE" dirty="0"/>
              <a:t>5. Weitere Felder ausfüllen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970FED4D-7242-4543-95B4-79CFE9B954A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61933657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">
  <a:themeElements>
    <a:clrScheme name="FUNKE Mediengruppe 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FF2600"/>
      </a:accent1>
      <a:accent2>
        <a:srgbClr val="FF7C76"/>
      </a:accent2>
      <a:accent3>
        <a:srgbClr val="C01C2D"/>
      </a:accent3>
      <a:accent4>
        <a:srgbClr val="DD7F85"/>
      </a:accent4>
      <a:accent5>
        <a:srgbClr val="192F41"/>
      </a:accent5>
      <a:accent6>
        <a:srgbClr val="A2AAB2"/>
      </a:accent6>
      <a:hlink>
        <a:srgbClr val="FF2600"/>
      </a:hlink>
      <a:folHlink>
        <a:srgbClr val="B9C1C5"/>
      </a:folHlink>
    </a:clrScheme>
    <a:fontScheme name="FUNKE">
      <a:majorFont>
        <a:latin typeface="MetaPro-Light"/>
        <a:ea typeface=""/>
        <a:cs typeface=""/>
      </a:majorFont>
      <a:minorFont>
        <a:latin typeface="MetaPro-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19050">
          <a:solidFill>
            <a:schemeClr val="lt1">
              <a:hueOff val="0"/>
              <a:satOff val="0"/>
              <a:lumOff val="0"/>
            </a:schemeClr>
          </a:solidFill>
        </a:ln>
      </a:spPr>
      <a:bodyPr rtlCol="0" anchor="ctr"/>
      <a:lstStyle>
        <a:defPPr algn="ctr">
          <a:defRPr dirty="0"/>
        </a:defPPr>
      </a:lstStyle>
      <a:style>
        <a:lnRef idx="2">
          <a:schemeClr val="accent2">
            <a:shade val="50000"/>
          </a:schemeClr>
        </a:lnRef>
        <a:fillRef idx="1">
          <a:schemeClr val="accent2"/>
        </a:fillRef>
        <a:effectRef idx="0">
          <a:schemeClr val="accent2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FUNKE.pptx" id="{3234D100-190A-4163-9D31-559DA88E686A}" vid="{BB503929-47CE-4B8B-AD3A-B8150D6D4A6C}"/>
    </a:ext>
  </a:extLst>
</a:theme>
</file>

<file path=ppt/theme/theme2.xml><?xml version="1.0" encoding="utf-8"?>
<a:theme xmlns:a="http://schemas.openxmlformats.org/drawingml/2006/main" name="Offic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MetaPro-Light" panose="020B0504030101020102"/>
        <a:ea typeface=""/>
        <a:cs typeface=""/>
        <a:font script="Jpan" typeface="MetaPro-Light"/>
        <a:font script="Hang" typeface="MetaPro-Light"/>
        <a:font script="Hans" typeface="MetaPro-Light"/>
        <a:font script="Hant" typeface="MetaPro-Light"/>
        <a:font script="Arab" typeface="MetaPro-Light"/>
        <a:font script="Hebr" typeface="MetaPro-Light"/>
        <a:font script="Thai" typeface="MetaPro-Light"/>
        <a:font script="Ethi" typeface="MetaPro-Light"/>
        <a:font script="Beng" typeface="MetaPro-Light"/>
        <a:font script="Gujr" typeface="MetaPro-Light"/>
        <a:font script="Khmr" typeface="Meta Pro Light"/>
        <a:font script="Knda" typeface="Meta Pro Light"/>
        <a:font script="Guru" typeface="Meta Pro Light"/>
        <a:font script="Cans" typeface="Meta Pro Light"/>
        <a:font script="Cher" typeface="Meta Pro Light"/>
        <a:font script="Yiii" typeface="Meta Pro Light"/>
        <a:font script="Tibt" typeface="Meta Pro Light"/>
        <a:font script="Thaa" typeface="Meta Pro Light"/>
        <a:font script="Deva" typeface="MetaPro-Light"/>
        <a:font script="Telu" typeface="MetaPro-Light"/>
        <a:font script="Taml" typeface="MetaPro-Light"/>
        <a:font script="Syrc" typeface="MetaPro-Light"/>
        <a:font script="Orya" typeface="MetaPro-Light"/>
        <a:font script="Mlym" typeface="MetaPro-Light"/>
        <a:font script="Laoo" typeface="MetaPro-Light"/>
        <a:font script="Sinh" typeface="MetaPro-Light"/>
        <a:font script="Mong" typeface="MetaPro-Light"/>
        <a:font script="Viet" typeface="MetaPro-Light"/>
        <a:font script="Uigh" typeface="MetaPro-Light"/>
        <a:font script="Geor" typeface="MetaPro-Light"/>
        <a:font script="Armn" typeface="Arial"/>
        <a:font script="Bugi" typeface="MetaPro-Light"/>
        <a:font script="Bopo" typeface="MetaPro-Light"/>
        <a:font script="Java" typeface="MetaPro-Light"/>
        <a:font script="Lisu" typeface="MetaPro-Light"/>
        <a:font script="Mymr" typeface="MetaPro-Light"/>
        <a:font script="Nkoo" typeface="MetaPro-Light"/>
        <a:font script="Olck" typeface="MetaPro-Light"/>
        <a:font script="Osma" typeface="MetaPro-Light"/>
        <a:font script="Phag" typeface="MetaPro-Light"/>
        <a:font script="Syrn" typeface="MetaPro-Light"/>
        <a:font script="Syrj" typeface="MetaPro-Light"/>
        <a:font script="Syre" typeface="MetaPro-Light"/>
        <a:font script="Sora" typeface="MetaPro-Light"/>
        <a:font script="Tale" typeface="MetaPro-Light"/>
        <a:font script="Talu" typeface="MetaPro-Light"/>
        <a:font script="Tfng" typeface="MetaPro-Light"/>
      </a:majorFont>
      <a:minorFont>
        <a:latin typeface="MetaPro-Light" panose="020B0504030101020102"/>
        <a:ea typeface=""/>
        <a:cs typeface=""/>
        <a:font script="Jpan" typeface="MetaPro-Light"/>
        <a:font script="Hang" typeface="MetaPro-Light"/>
        <a:font script="Hans" typeface="MetaPro-Light"/>
        <a:font script="Hant" typeface="MetaPro-Light"/>
        <a:font script="Arab" typeface="Arial"/>
        <a:font script="Hebr" typeface="Arial"/>
        <a:font script="Thai" typeface="MetaPro-Light"/>
        <a:font script="Ethi" typeface="MetaPro-Light"/>
        <a:font script="Beng" typeface="MetaPro-Light"/>
        <a:font script="Gujr" typeface="MetaPro-Light"/>
        <a:font script="Khmr" typeface="MetaPro-Light"/>
        <a:font script="Knda" typeface="Meta Pro Light"/>
        <a:font script="Guru" typeface="Meta Pro Light"/>
        <a:font script="Cans" typeface="Meta Pro Light"/>
        <a:font script="Cher" typeface="Meta Pro Light"/>
        <a:font script="Yiii" typeface="Meta Pro Light"/>
        <a:font script="Tibt" typeface="Meta Pro Light"/>
        <a:font script="Thaa" typeface="Meta Pro Light"/>
        <a:font script="Deva" typeface="MetaPro-Light"/>
        <a:font script="Telu" typeface="MetaPro-Light"/>
        <a:font script="Taml" typeface="MetaPro-Light"/>
        <a:font script="Syrc" typeface="MetaPro-Light"/>
        <a:font script="Orya" typeface="MetaPro-Light"/>
        <a:font script="Mlym" typeface="MetaPro-Light"/>
        <a:font script="Laoo" typeface="MetaPro-Light"/>
        <a:font script="Sinh" typeface="MetaPro-Light"/>
        <a:font script="Mong" typeface="MetaPro-Light"/>
        <a:font script="Viet" typeface="Arial"/>
        <a:font script="Uigh" typeface="MetaPro-Light"/>
        <a:font script="Geor" typeface="MetaPro-Light"/>
        <a:font script="Armn" typeface="Arial"/>
        <a:font script="Bugi" typeface="MetaPro-Light"/>
        <a:font script="Bopo" typeface="MetaPro-Light"/>
        <a:font script="Java" typeface="MetaPro-Light"/>
        <a:font script="Lisu" typeface="MetaPro-Light"/>
        <a:font script="Mymr" typeface="MetaPro-Light"/>
        <a:font script="Nkoo" typeface="MetaPro-Light"/>
        <a:font script="Olck" typeface="MetaPro-Light"/>
        <a:font script="Osma" typeface="MetaPro-Light"/>
        <a:font script="Phag" typeface="MetaPro-Light"/>
        <a:font script="Syrn" typeface="MetaPro-Light"/>
        <a:font script="Syrj" typeface="MetaPro-Light"/>
        <a:font script="Syre" typeface="MetaPro-Light"/>
        <a:font script="Sora" typeface="MetaPro-Light"/>
        <a:font script="Tale" typeface="MetaPro-Light"/>
        <a:font script="Talu" typeface="MetaPro-Light"/>
        <a:font script="Tfng" typeface="MetaPro-Light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MetaPro-Light" panose="020B0504030101020102"/>
        <a:ea typeface=""/>
        <a:cs typeface=""/>
        <a:font script="Jpan" typeface="MetaPro-Light"/>
        <a:font script="Hang" typeface="MetaPro-Light"/>
        <a:font script="Hans" typeface="MetaPro-Light"/>
        <a:font script="Hant" typeface="MetaPro-Light"/>
        <a:font script="Arab" typeface="MetaPro-Light"/>
        <a:font script="Hebr" typeface="MetaPro-Light"/>
        <a:font script="Thai" typeface="MetaPro-Light"/>
        <a:font script="Ethi" typeface="MetaPro-Light"/>
        <a:font script="Beng" typeface="MetaPro-Light"/>
        <a:font script="Gujr" typeface="MetaPro-Light"/>
        <a:font script="Khmr" typeface="Meta Pro Light"/>
        <a:font script="Knda" typeface="Meta Pro Light"/>
        <a:font script="Guru" typeface="Meta Pro Light"/>
        <a:font script="Cans" typeface="Meta Pro Light"/>
        <a:font script="Cher" typeface="Meta Pro Light"/>
        <a:font script="Yiii" typeface="Meta Pro Light"/>
        <a:font script="Tibt" typeface="Meta Pro Light"/>
        <a:font script="Thaa" typeface="Meta Pro Light"/>
        <a:font script="Deva" typeface="MetaPro-Light"/>
        <a:font script="Telu" typeface="MetaPro-Light"/>
        <a:font script="Taml" typeface="MetaPro-Light"/>
        <a:font script="Syrc" typeface="MetaPro-Light"/>
        <a:font script="Orya" typeface="MetaPro-Light"/>
        <a:font script="Mlym" typeface="MetaPro-Light"/>
        <a:font script="Laoo" typeface="MetaPro-Light"/>
        <a:font script="Sinh" typeface="MetaPro-Light"/>
        <a:font script="Mong" typeface="MetaPro-Light"/>
        <a:font script="Viet" typeface="MetaPro-Light"/>
        <a:font script="Uigh" typeface="MetaPro-Light"/>
        <a:font script="Geor" typeface="MetaPro-Light"/>
        <a:font script="Armn" typeface="Arial"/>
        <a:font script="Bugi" typeface="MetaPro-Light"/>
        <a:font script="Bopo" typeface="MetaPro-Light"/>
        <a:font script="Java" typeface="MetaPro-Light"/>
        <a:font script="Lisu" typeface="MetaPro-Light"/>
        <a:font script="Mymr" typeface="MetaPro-Light"/>
        <a:font script="Nkoo" typeface="MetaPro-Light"/>
        <a:font script="Olck" typeface="MetaPro-Light"/>
        <a:font script="Osma" typeface="MetaPro-Light"/>
        <a:font script="Phag" typeface="MetaPro-Light"/>
        <a:font script="Syrn" typeface="MetaPro-Light"/>
        <a:font script="Syrj" typeface="MetaPro-Light"/>
        <a:font script="Syre" typeface="MetaPro-Light"/>
        <a:font script="Sora" typeface="MetaPro-Light"/>
        <a:font script="Tale" typeface="MetaPro-Light"/>
        <a:font script="Talu" typeface="MetaPro-Light"/>
        <a:font script="Tfng" typeface="MetaPro-Light"/>
      </a:majorFont>
      <a:minorFont>
        <a:latin typeface="MetaPro-Light" panose="020B0504030101020102"/>
        <a:ea typeface=""/>
        <a:cs typeface=""/>
        <a:font script="Jpan" typeface="MetaPro-Light"/>
        <a:font script="Hang" typeface="MetaPro-Light"/>
        <a:font script="Hans" typeface="MetaPro-Light"/>
        <a:font script="Hant" typeface="MetaPro-Light"/>
        <a:font script="Arab" typeface="Arial"/>
        <a:font script="Hebr" typeface="Arial"/>
        <a:font script="Thai" typeface="MetaPro-Light"/>
        <a:font script="Ethi" typeface="MetaPro-Light"/>
        <a:font script="Beng" typeface="MetaPro-Light"/>
        <a:font script="Gujr" typeface="MetaPro-Light"/>
        <a:font script="Khmr" typeface="MetaPro-Light"/>
        <a:font script="Knda" typeface="Meta Pro Light"/>
        <a:font script="Guru" typeface="Meta Pro Light"/>
        <a:font script="Cans" typeface="Meta Pro Light"/>
        <a:font script="Cher" typeface="Meta Pro Light"/>
        <a:font script="Yiii" typeface="Meta Pro Light"/>
        <a:font script="Tibt" typeface="Meta Pro Light"/>
        <a:font script="Thaa" typeface="Meta Pro Light"/>
        <a:font script="Deva" typeface="MetaPro-Light"/>
        <a:font script="Telu" typeface="MetaPro-Light"/>
        <a:font script="Taml" typeface="MetaPro-Light"/>
        <a:font script="Syrc" typeface="MetaPro-Light"/>
        <a:font script="Orya" typeface="MetaPro-Light"/>
        <a:font script="Mlym" typeface="MetaPro-Light"/>
        <a:font script="Laoo" typeface="MetaPro-Light"/>
        <a:font script="Sinh" typeface="MetaPro-Light"/>
        <a:font script="Mong" typeface="MetaPro-Light"/>
        <a:font script="Viet" typeface="Arial"/>
        <a:font script="Uigh" typeface="MetaPro-Light"/>
        <a:font script="Geor" typeface="MetaPro-Light"/>
        <a:font script="Armn" typeface="Arial"/>
        <a:font script="Bugi" typeface="MetaPro-Light"/>
        <a:font script="Bopo" typeface="MetaPro-Light"/>
        <a:font script="Java" typeface="MetaPro-Light"/>
        <a:font script="Lisu" typeface="MetaPro-Light"/>
        <a:font script="Mymr" typeface="MetaPro-Light"/>
        <a:font script="Nkoo" typeface="MetaPro-Light"/>
        <a:font script="Olck" typeface="MetaPro-Light"/>
        <a:font script="Osma" typeface="MetaPro-Light"/>
        <a:font script="Phag" typeface="MetaPro-Light"/>
        <a:font script="Syrn" typeface="MetaPro-Light"/>
        <a:font script="Syrj" typeface="MetaPro-Light"/>
        <a:font script="Syre" typeface="MetaPro-Light"/>
        <a:font script="Sora" typeface="MetaPro-Light"/>
        <a:font script="Tale" typeface="MetaPro-Light"/>
        <a:font script="Talu" typeface="MetaPro-Light"/>
        <a:font script="Tfng" typeface="MetaPro-Light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915905424628771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7915905424628771","enableDocumentContentUpdater":false,"version":"2.0"}]]></TemplafySlideTemplate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68bdbd47-b664-4efe-accd-22182cb46b5a">
      <Terms xmlns="http://schemas.microsoft.com/office/infopath/2007/PartnerControls"/>
    </lcf76f155ced4ddcb4097134ff3c332f>
    <TaxCatchAll xmlns="61dc6757-9996-4f9a-85fe-b962118f7fb6" xsi:nil="true"/>
  </documentManagement>
</p:properties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7915905424628771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ABDAAD177F5B7C4D9963366E51F8857A" ma:contentTypeVersion="12" ma:contentTypeDescription="Ein neues Dokument erstellen." ma:contentTypeScope="" ma:versionID="332261ca0e6350494f82670f7ffb509a">
  <xsd:schema xmlns:xsd="http://www.w3.org/2001/XMLSchema" xmlns:xs="http://www.w3.org/2001/XMLSchema" xmlns:p="http://schemas.microsoft.com/office/2006/metadata/properties" xmlns:ns2="68bdbd47-b664-4efe-accd-22182cb46b5a" xmlns:ns3="61dc6757-9996-4f9a-85fe-b962118f7fb6" targetNamespace="http://schemas.microsoft.com/office/2006/metadata/properties" ma:root="true" ma:fieldsID="dd852dc5a9ff5786e55df674f4c5a0a3" ns2:_="" ns3:_="">
    <xsd:import namespace="68bdbd47-b664-4efe-accd-22182cb46b5a"/>
    <xsd:import namespace="61dc6757-9996-4f9a-85fe-b962118f7fb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OCR" minOccurs="0"/>
                <xsd:element ref="ns2:lcf76f155ced4ddcb4097134ff3c332f" minOccurs="0"/>
                <xsd:element ref="ns3:TaxCatchAll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8bdbd47-b664-4efe-accd-22182cb46b5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lcf76f155ced4ddcb4097134ff3c332f" ma:index="17" nillable="true" ma:taxonomy="true" ma:internalName="lcf76f155ced4ddcb4097134ff3c332f" ma:taxonomyFieldName="MediaServiceImageTags" ma:displayName="Bildmarkierungen" ma:readOnly="false" ma:fieldId="{5cf76f15-5ced-4ddc-b409-7134ff3c332f}" ma:taxonomyMulti="true" ma:sspId="046e55da-05f0-4b19-98b0-5e69e0fd15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19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1dc6757-9996-4f9a-85fe-b962118f7fb6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8" nillable="true" ma:displayName="Taxonomy Catch All Column" ma:hidden="true" ma:list="{fa666db8-dc7d-4a52-a9ce-8d3b157f1370}" ma:internalName="TaxCatchAll" ma:showField="CatchAllData" ma:web="61dc6757-9996-4f9a-85fe-b962118f7fb6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TemplateConfiguration><![CDATA[{"slideVersion":1,"isValidatorEnabled":false,"isLocked":false,"elementsMetadata":[],"slideId":"637915905424628771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],"transformationConfigurations":[],"templateName":"FUNKE-Template","templateDescription":"","enableDocumentContentUpdater":false,"version":"2.0"}]]></TemplafyTemplateConfiguration>
</file>

<file path=customXml/item5.xml><?xml version="1.0" encoding="utf-8"?>
<TemplafySlideTemplateConfiguration><![CDATA[{"slideVersion":1,"isValidatorEnabled":false,"isLocked":false,"elementsMetadata":[],"slideId":"637915905424628771","enableDocumentContentUpdater":false,"version":"2.0"}]]></TemplafySlideTemplate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TemplateConfiguration><![CDATA[{"slideVersion":1,"isValidatorEnabled":false,"isLocked":false,"elementsMetadata":[],"slideId":"637915905424536330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875C1581-7614-4B0C-BD05-307C71E00DE3}">
  <ds:schemaRefs/>
</ds:datastoreItem>
</file>

<file path=customXml/itemProps10.xml><?xml version="1.0" encoding="utf-8"?>
<ds:datastoreItem xmlns:ds="http://schemas.openxmlformats.org/officeDocument/2006/customXml" ds:itemID="{96F214D4-7A68-412D-8A4F-3D204D3E9E09}">
  <ds:schemaRefs/>
</ds:datastoreItem>
</file>

<file path=customXml/itemProps11.xml><?xml version="1.0" encoding="utf-8"?>
<ds:datastoreItem xmlns:ds="http://schemas.openxmlformats.org/officeDocument/2006/customXml" ds:itemID="{28152068-5B19-406F-AE30-BC7C36F9856F}">
  <ds:schemaRefs/>
</ds:datastoreItem>
</file>

<file path=customXml/itemProps12.xml><?xml version="1.0" encoding="utf-8"?>
<ds:datastoreItem xmlns:ds="http://schemas.openxmlformats.org/officeDocument/2006/customXml" ds:itemID="{305ACB94-FF26-4BF4-88A9-C5C80C544AA5}">
  <ds:schemaRefs>
    <ds:schemaRef ds:uri="fc6d83f5-66a4-4bc5-8c1e-99bcf63cb253"/>
    <ds:schemaRef ds:uri="http://schemas.microsoft.com/office/2006/documentManagement/types"/>
    <ds:schemaRef ds:uri="5c1175bd-77bc-471c-a205-35855f30635e"/>
    <ds:schemaRef ds:uri="http://purl.org/dc/elements/1.1/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schemas.microsoft.com/office/2006/metadata/properties"/>
    <ds:schemaRef ds:uri="http://www.w3.org/XML/1998/namespace"/>
  </ds:schemaRefs>
</ds:datastoreItem>
</file>

<file path=customXml/itemProps13.xml><?xml version="1.0" encoding="utf-8"?>
<ds:datastoreItem xmlns:ds="http://schemas.openxmlformats.org/officeDocument/2006/customXml" ds:itemID="{15417D3E-5FA2-44B9-9AAB-45183C3B4FA4}">
  <ds:schemaRefs/>
</ds:datastoreItem>
</file>

<file path=customXml/itemProps14.xml><?xml version="1.0" encoding="utf-8"?>
<ds:datastoreItem xmlns:ds="http://schemas.openxmlformats.org/officeDocument/2006/customXml" ds:itemID="{C8E514F5-2010-4537-AC0E-1E7FC56576F8}">
  <ds:schemaRefs/>
</ds:datastoreItem>
</file>

<file path=customXml/itemProps15.xml><?xml version="1.0" encoding="utf-8"?>
<ds:datastoreItem xmlns:ds="http://schemas.openxmlformats.org/officeDocument/2006/customXml" ds:itemID="{858E3509-5402-4080-B319-7C18EB5DE845}">
  <ds:schemaRefs/>
</ds:datastoreItem>
</file>

<file path=customXml/itemProps16.xml><?xml version="1.0" encoding="utf-8"?>
<ds:datastoreItem xmlns:ds="http://schemas.openxmlformats.org/officeDocument/2006/customXml" ds:itemID="{2AF9148E-0DB0-42EF-9879-D6AE7E85B89A}">
  <ds:schemaRefs/>
</ds:datastoreItem>
</file>

<file path=customXml/itemProps17.xml><?xml version="1.0" encoding="utf-8"?>
<ds:datastoreItem xmlns:ds="http://schemas.openxmlformats.org/officeDocument/2006/customXml" ds:itemID="{FFD8086C-F51E-46D9-A92F-0D48789CCCBA}"/>
</file>

<file path=customXml/itemProps2.xml><?xml version="1.0" encoding="utf-8"?>
<ds:datastoreItem xmlns:ds="http://schemas.openxmlformats.org/officeDocument/2006/customXml" ds:itemID="{197FE768-083E-4936-88C2-0F4D32A14AE1}">
  <ds:schemaRefs/>
</ds:datastoreItem>
</file>

<file path=customXml/itemProps3.xml><?xml version="1.0" encoding="utf-8"?>
<ds:datastoreItem xmlns:ds="http://schemas.openxmlformats.org/officeDocument/2006/customXml" ds:itemID="{16315652-486D-409B-81CC-6CD5B014E4DC}">
  <ds:schemaRefs/>
</ds:datastoreItem>
</file>

<file path=customXml/itemProps4.xml><?xml version="1.0" encoding="utf-8"?>
<ds:datastoreItem xmlns:ds="http://schemas.openxmlformats.org/officeDocument/2006/customXml" ds:itemID="{A7C9702C-8B66-4C0D-8BD8-7D1C8AC1239F}">
  <ds:schemaRefs/>
</ds:datastoreItem>
</file>

<file path=customXml/itemProps5.xml><?xml version="1.0" encoding="utf-8"?>
<ds:datastoreItem xmlns:ds="http://schemas.openxmlformats.org/officeDocument/2006/customXml" ds:itemID="{B48872E2-F808-4CEF-9C25-A3A717D3A72C}">
  <ds:schemaRefs/>
</ds:datastoreItem>
</file>

<file path=customXml/itemProps6.xml><?xml version="1.0" encoding="utf-8"?>
<ds:datastoreItem xmlns:ds="http://schemas.openxmlformats.org/officeDocument/2006/customXml" ds:itemID="{989AD28E-F933-4078-830B-13A98D3AE25B}">
  <ds:schemaRefs/>
</ds:datastoreItem>
</file>

<file path=customXml/itemProps7.xml><?xml version="1.0" encoding="utf-8"?>
<ds:datastoreItem xmlns:ds="http://schemas.openxmlformats.org/officeDocument/2006/customXml" ds:itemID="{B918447B-1B2D-48C1-BF6F-29D7A0FFADE8}">
  <ds:schemaRefs/>
</ds:datastoreItem>
</file>

<file path=customXml/itemProps8.xml><?xml version="1.0" encoding="utf-8"?>
<ds:datastoreItem xmlns:ds="http://schemas.openxmlformats.org/officeDocument/2006/customXml" ds:itemID="{7AA18000-CD22-448A-A7AF-8666A7559F89}">
  <ds:schemaRefs/>
</ds:datastoreItem>
</file>

<file path=customXml/itemProps9.xml><?xml version="1.0" encoding="utf-8"?>
<ds:datastoreItem xmlns:ds="http://schemas.openxmlformats.org/officeDocument/2006/customXml" ds:itemID="{7B311F8D-7875-472F-84DE-4403736AB4D9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0</TotalTime>
  <Words>145</Words>
  <Application>Microsoft Office PowerPoint</Application>
  <PresentationFormat>Breitbild</PresentationFormat>
  <Paragraphs>13</Paragraphs>
  <Slides>6</Slides>
  <Notes>0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3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6</vt:i4>
      </vt:variant>
    </vt:vector>
  </HeadingPairs>
  <TitlesOfParts>
    <vt:vector size="10" baseType="lpstr">
      <vt:lpstr>Arial</vt:lpstr>
      <vt:lpstr>MetaPro-Light</vt:lpstr>
      <vt:lpstr>MetaPro-Norm</vt:lpstr>
      <vt:lpstr>Office</vt:lpstr>
      <vt:lpstr>Verknüpfung der Funkemedien.de Email Adresse mit einem Google Konto</vt:lpstr>
      <vt:lpstr>PowerPoint-Präsentation</vt:lpstr>
      <vt:lpstr>PowerPoint-Präsentation</vt:lpstr>
      <vt:lpstr>PowerPoint-Präsentation</vt:lpstr>
      <vt:lpstr>PowerPoint-Präsentation</vt:lpstr>
      <vt:lpstr>PowerPoint-Prä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Gunilla Kristina Jensen</dc:creator>
  <cp:lastModifiedBy>Niederstadt, Malte</cp:lastModifiedBy>
  <cp:revision>7</cp:revision>
  <dcterms:created xsi:type="dcterms:W3CDTF">2023-04-21T14:47:46Z</dcterms:created>
  <dcterms:modified xsi:type="dcterms:W3CDTF">2023-10-31T08:35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6-23T14:15:42</vt:lpwstr>
  </property>
  <property fmtid="{D5CDD505-2E9C-101B-9397-08002B2CF9AE}" pid="3" name="TemplafyTenantId">
    <vt:lpwstr>funkemedien</vt:lpwstr>
  </property>
  <property fmtid="{D5CDD505-2E9C-101B-9397-08002B2CF9AE}" pid="4" name="TemplafyTemplateId">
    <vt:lpwstr>637915905412202061</vt:lpwstr>
  </property>
  <property fmtid="{D5CDD505-2E9C-101B-9397-08002B2CF9AE}" pid="5" name="TemplafyUserProfileId">
    <vt:lpwstr>637794820698559780</vt:lpwstr>
  </property>
  <property fmtid="{D5CDD505-2E9C-101B-9397-08002B2CF9AE}" pid="6" name="TemplafyLanguageCode">
    <vt:lpwstr>de-DE</vt:lpwstr>
  </property>
  <property fmtid="{D5CDD505-2E9C-101B-9397-08002B2CF9AE}" pid="7" name="TemplafyFromBlank">
    <vt:bool>true</vt:bool>
  </property>
</Properties>
</file>